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8"/>
  </p:sldMasterIdLst>
  <p:notesMasterIdLst>
    <p:notesMasterId r:id="rId47"/>
  </p:notesMasterIdLst>
  <p:handoutMasterIdLst>
    <p:handoutMasterId r:id="rId48"/>
  </p:handoutMasterIdLst>
  <p:sldIdLst>
    <p:sldId id="273" r:id="rId39"/>
    <p:sldId id="262" r:id="rId40"/>
    <p:sldId id="257" r:id="rId41"/>
    <p:sldId id="268" r:id="rId42"/>
    <p:sldId id="269" r:id="rId43"/>
    <p:sldId id="270" r:id="rId44"/>
    <p:sldId id="271" r:id="rId45"/>
    <p:sldId id="267" r:id="rId46"/>
  </p:sldIdLst>
  <p:sldSz cx="12192000" cy="6858000"/>
  <p:notesSz cx="6797675" cy="992505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ikolaj Nyborg" initials="NN" lastIdx="1" clrIdx="0">
    <p:extLst>
      <p:ext uri="{19B8F6BF-5375-455C-9EA6-DF929625EA0E}">
        <p15:presenceInfo xmlns:p15="http://schemas.microsoft.com/office/powerpoint/2012/main" userId="324a77be0341ae30" providerId="Windows Liv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C412690-0701-4255-85B1-03057F516B8D}" v="49" dt="2022-05-24T14:22:35.65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67714" autoAdjust="0"/>
  </p:normalViewPr>
  <p:slideViewPr>
    <p:cSldViewPr snapToGrid="0">
      <p:cViewPr varScale="1">
        <p:scale>
          <a:sx n="58" d="100"/>
          <a:sy n="58" d="100"/>
        </p:scale>
        <p:origin x="1646" y="5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4.xml"/><Relationship Id="rId47" Type="http://schemas.openxmlformats.org/officeDocument/2006/relationships/notesMaster" Target="notesMasters/notesMaster1.xml"/><Relationship Id="rId50" Type="http://schemas.openxmlformats.org/officeDocument/2006/relationships/presProps" Target="presProps.xml"/><Relationship Id="rId55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Master" Target="slideMasters/slideMaster1.xml"/><Relationship Id="rId46" Type="http://schemas.openxmlformats.org/officeDocument/2006/relationships/slide" Target="slides/slide8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slide" Target="slides/slide3.xml"/><Relationship Id="rId54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2.xml"/><Relationship Id="rId45" Type="http://schemas.openxmlformats.org/officeDocument/2006/relationships/slide" Target="slides/slide7.xml"/><Relationship Id="rId53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ommentAuthors" Target="commentAuthor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6.xml"/><Relationship Id="rId52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5.xml"/><Relationship Id="rId48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viewProps" Target="viewProps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Natalya Tyutikova" userId="20f8c815-0fe3-4f0e-9c55-9b986026a8ac" providerId="ADAL" clId="{FC412690-0701-4255-85B1-03057F516B8D}"/>
    <pc:docChg chg="undo custSel modSld">
      <pc:chgData name="Natalya Tyutikova" userId="20f8c815-0fe3-4f0e-9c55-9b986026a8ac" providerId="ADAL" clId="{FC412690-0701-4255-85B1-03057F516B8D}" dt="2022-05-24T14:22:35.659" v="247" actId="20577"/>
      <pc:docMkLst>
        <pc:docMk/>
      </pc:docMkLst>
      <pc:sldChg chg="modNotesTx">
        <pc:chgData name="Natalya Tyutikova" userId="20f8c815-0fe3-4f0e-9c55-9b986026a8ac" providerId="ADAL" clId="{FC412690-0701-4255-85B1-03057F516B8D}" dt="2022-05-24T14:20:57.419" v="194" actId="20577"/>
        <pc:sldMkLst>
          <pc:docMk/>
          <pc:sldMk cId="610822933" sldId="257"/>
        </pc:sldMkLst>
      </pc:sldChg>
      <pc:sldChg chg="modNotesTx">
        <pc:chgData name="Natalya Tyutikova" userId="20f8c815-0fe3-4f0e-9c55-9b986026a8ac" providerId="ADAL" clId="{FC412690-0701-4255-85B1-03057F516B8D}" dt="2022-05-24T14:21:21.833" v="198" actId="20577"/>
        <pc:sldMkLst>
          <pc:docMk/>
          <pc:sldMk cId="3103870088" sldId="268"/>
        </pc:sldMkLst>
      </pc:sldChg>
      <pc:sldChg chg="modSp">
        <pc:chgData name="Natalya Tyutikova" userId="20f8c815-0fe3-4f0e-9c55-9b986026a8ac" providerId="ADAL" clId="{FC412690-0701-4255-85B1-03057F516B8D}" dt="2022-05-24T14:22:35.659" v="247" actId="20577"/>
        <pc:sldMkLst>
          <pc:docMk/>
          <pc:sldMk cId="1140889345" sldId="269"/>
        </pc:sldMkLst>
        <pc:spChg chg="mod">
          <ac:chgData name="Natalya Tyutikova" userId="20f8c815-0fe3-4f0e-9c55-9b986026a8ac" providerId="ADAL" clId="{FC412690-0701-4255-85B1-03057F516B8D}" dt="2022-05-24T14:22:35.659" v="247" actId="20577"/>
          <ac:spMkLst>
            <pc:docMk/>
            <pc:sldMk cId="1140889345" sldId="269"/>
            <ac:spMk id="3" creationId="{5ADCBD95-C9D1-44B7-80B2-D2FBBDD38521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D3A4932D-871F-4D7B-896D-803DC7D8082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797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886E950-C2BD-4027-B3AA-98D7AFA6E4BB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50443" y="0"/>
            <a:ext cx="2945659" cy="49797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FBE534E-BE68-4EC4-8D0E-B076AF80B5D5}" type="datetimeFigureOut">
              <a:rPr lang="en-GB" smtClean="0"/>
              <a:t>24/05/2022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0C400EB-776A-4E66-B57E-99916964F3FB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427076"/>
            <a:ext cx="2945659" cy="4979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709F1A1-87EC-416A-8374-BF9EDB7FED6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50443" y="9427076"/>
            <a:ext cx="2945659" cy="4979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47FE897-F40D-44C5-A47D-2F4C14E74B7C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5181923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797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797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D0B7EF0-641B-4915-8630-1FC1690B3B2A}" type="datetimeFigureOut">
              <a:rPr lang="en-GB" smtClean="0"/>
              <a:t>24/05/2022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20688" y="1239838"/>
            <a:ext cx="5956300" cy="335121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768" y="4776431"/>
            <a:ext cx="5438140" cy="390798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27076"/>
            <a:ext cx="2945659" cy="4979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0443" y="9427076"/>
            <a:ext cx="2945659" cy="4979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FAACAD0-2319-453C-B281-2179E864F2B3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355615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FAACAD0-2319-453C-B281-2179E864F2B3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0850050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28600" indent="-228600">
              <a:buAutoNum type="arabicPeriod"/>
            </a:pPr>
            <a:r>
              <a:rPr lang="ru-RU" dirty="0"/>
              <a:t>Мы убеждены, что вопросы маркетинга – что выпускать, для кого, сколько и по какой цене должны возникать и решаться до желания купить новое оборудование или построить завод. Мы бы сняли массу других вопросов при таком подходе. – </a:t>
            </a:r>
            <a:r>
              <a:rPr lang="ru-RU" dirty="0" err="1"/>
              <a:t>Тиз</a:t>
            </a:r>
            <a:r>
              <a:rPr lang="ru-RU" dirty="0"/>
              <a:t> – Мы отлично вложились в модернизацию наших заводов, давайте уделим такое же внимание маркетингу. Наши мозги, идеи, креативный подход, способность критически мыслить всегда будут с нами. Это становится нашим главным ресурсом.</a:t>
            </a:r>
          </a:p>
          <a:p>
            <a:pPr marL="228600" indent="-228600">
              <a:buAutoNum type="arabicPeriod"/>
            </a:pPr>
            <a:r>
              <a:rPr lang="ru-RU" dirty="0"/>
              <a:t>Маркетинг – самая подвижная и изменчивая бизнес-сфера, что требует постоянного обновления компетенций и знаний. Не каждая компания может себе позволить постоянные большие вложения в обучение специалистов. Сообщество может организовать такой обмен знаниями – силами членов и через приглашения экспертов благодаря затратам вскладчину.</a:t>
            </a:r>
          </a:p>
          <a:p>
            <a:pPr marL="228600" indent="-228600">
              <a:buAutoNum type="arabicPeriod"/>
            </a:pPr>
            <a:r>
              <a:rPr lang="ru-RU" dirty="0"/>
              <a:t>Один из самых частых запросов от предприятий – какие есть новинки. Мы находимся в поиске новых решений, потому что нам важно выделиться на полке, удержать потребителя. Вместе мы можем не только эффективнее консолидировать эти знания и более точно их использовать, исходя из запросов конкретного региона.</a:t>
            </a:r>
          </a:p>
          <a:p>
            <a:pPr marL="228600" indent="-228600">
              <a:buAutoNum type="arabicPeriod"/>
            </a:pPr>
            <a:r>
              <a:rPr lang="ru-RU" dirty="0"/>
              <a:t>К сожалению, негативный имидж молока и молочных продуктов продолжает существовать в представлении наших потребителей. Мы можем вместе работать на этой проблемой, также объединив усилия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FAACAD0-2319-453C-B281-2179E864F2B3}" type="slidenum">
              <a:rPr lang="en-GB" smtClean="0"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8226914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ru-RU" dirty="0"/>
              <a:t>Мы открыты для всех специалистов маркетологов производителей и переработчиков молока. При этом считаем, что больше всего мы будем полезны для региональных и небольших предприятий, где специалисты испытывают недостаток актуальной маркетинговой информации, или где их просто нет и вопросами маркетинга занимаются специалисты смежных специальностей.</a:t>
            </a:r>
          </a:p>
          <a:p>
            <a:r>
              <a:rPr lang="ru-RU" dirty="0"/>
              <a:t>Поэтому мы приглашаем и их, а также руководителей и собственников, которые чаще всего ведают вопросами стратегического маркетинга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FAACAD0-2319-453C-B281-2179E864F2B3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4534600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FAACAD0-2319-453C-B281-2179E864F2B3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9711081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FAACAD0-2319-453C-B281-2179E864F2B3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0869236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FAACAD0-2319-453C-B281-2179E864F2B3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1172644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FAACAD0-2319-453C-B281-2179E864F2B3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790131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13" Type="http://schemas.openxmlformats.org/officeDocument/2006/relationships/image" Target="../media/image14.svg"/><Relationship Id="rId3" Type="http://schemas.openxmlformats.org/officeDocument/2006/relationships/image" Target="../media/image4.svg"/><Relationship Id="rId7" Type="http://schemas.openxmlformats.org/officeDocument/2006/relationships/image" Target="../media/image8.svg"/><Relationship Id="rId12" Type="http://schemas.openxmlformats.org/officeDocument/2006/relationships/image" Target="../media/image13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11" Type="http://schemas.openxmlformats.org/officeDocument/2006/relationships/image" Target="../media/image12.svg"/><Relationship Id="rId5" Type="http://schemas.openxmlformats.org/officeDocument/2006/relationships/image" Target="../media/image6.svg"/><Relationship Id="rId10" Type="http://schemas.openxmlformats.org/officeDocument/2006/relationships/image" Target="../media/image11.png"/><Relationship Id="rId4" Type="http://schemas.openxmlformats.org/officeDocument/2006/relationships/image" Target="../media/image5.png"/><Relationship Id="rId9" Type="http://schemas.openxmlformats.org/officeDocument/2006/relationships/image" Target="../media/image10.svg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3FB15ED4-1601-4393-A177-36465BE3687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12192000" cy="59508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tIns="144000"/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to back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0405EF0F-DB67-44D7-8498-9587C025FA93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669599" y="3382454"/>
            <a:ext cx="6240788" cy="2781809"/>
          </a:xfrm>
          <a:custGeom>
            <a:avLst/>
            <a:gdLst>
              <a:gd name="connsiteX0" fmla="*/ 0 w 6240788"/>
              <a:gd name="connsiteY0" fmla="*/ 0 h 2781809"/>
              <a:gd name="connsiteX1" fmla="*/ 253462 w 6240788"/>
              <a:gd name="connsiteY1" fmla="*/ 0 h 2781809"/>
              <a:gd name="connsiteX2" fmla="*/ 505462 w 6240788"/>
              <a:gd name="connsiteY2" fmla="*/ 252000 h 2781809"/>
              <a:gd name="connsiteX3" fmla="*/ 757462 w 6240788"/>
              <a:gd name="connsiteY3" fmla="*/ 0 h 2781809"/>
              <a:gd name="connsiteX4" fmla="*/ 6240788 w 6240788"/>
              <a:gd name="connsiteY4" fmla="*/ 0 h 2781809"/>
              <a:gd name="connsiteX5" fmla="*/ 6240788 w 6240788"/>
              <a:gd name="connsiteY5" fmla="*/ 2781809 h 2781809"/>
              <a:gd name="connsiteX6" fmla="*/ 0 w 6240788"/>
              <a:gd name="connsiteY6" fmla="*/ 2781809 h 278180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6240788" h="2781809">
                <a:moveTo>
                  <a:pt x="0" y="0"/>
                </a:moveTo>
                <a:lnTo>
                  <a:pt x="253462" y="0"/>
                </a:lnTo>
                <a:lnTo>
                  <a:pt x="505462" y="252000"/>
                </a:lnTo>
                <a:lnTo>
                  <a:pt x="757462" y="0"/>
                </a:lnTo>
                <a:lnTo>
                  <a:pt x="6240788" y="0"/>
                </a:lnTo>
                <a:lnTo>
                  <a:pt x="6240788" y="2781809"/>
                </a:lnTo>
                <a:lnTo>
                  <a:pt x="0" y="2781809"/>
                </a:lnTo>
                <a:close/>
              </a:path>
            </a:pathLst>
          </a:custGeom>
          <a:solidFill>
            <a:schemeClr val="accent1">
              <a:alpha val="89804"/>
            </a:schemeClr>
          </a:solidFill>
          <a:ln>
            <a:noFill/>
          </a:ln>
        </p:spPr>
        <p:txBody>
          <a:bodyPr wrap="square">
            <a:noAutofit/>
          </a:bodyPr>
          <a:lstStyle>
            <a:lvl1pPr marL="0" indent="0">
              <a:buFontTx/>
              <a:buNone/>
              <a:defRPr sz="1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4DC66024-34C3-4981-9B8C-155983E23850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177200" y="3823551"/>
            <a:ext cx="5212800" cy="1140406"/>
          </a:xfrm>
          <a:prstGeom prst="rect">
            <a:avLst/>
          </a:prstGeom>
        </p:spPr>
        <p:txBody>
          <a:bodyPr anchor="ctr" anchorCtr="0">
            <a:noAutofit/>
          </a:bodyPr>
          <a:lstStyle>
            <a:lvl1pPr algn="l"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8" name="Subtitle 2">
            <a:extLst>
              <a:ext uri="{FF2B5EF4-FFF2-40B4-BE49-F238E27FC236}">
                <a16:creationId xmlns:a16="http://schemas.microsoft.com/office/drawing/2014/main" id="{DB21EB94-6431-45BE-856F-7F9A060D90B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177200" y="4989644"/>
            <a:ext cx="5212800" cy="303220"/>
          </a:xfrm>
        </p:spPr>
        <p:txBody>
          <a:bodyPr tIns="0" rIns="0" bIns="0" anchor="t" anchorCtr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None/>
              <a:defRPr sz="18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am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56B4CEC-8665-4B5D-A6CB-E01F17679091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177200" y="5279506"/>
            <a:ext cx="5212800" cy="297858"/>
          </a:xfrm>
        </p:spPr>
        <p:txBody>
          <a:bodyPr tIns="0" rIns="0" bIns="0" anchor="t" anchorCtr="0">
            <a:noAutofit/>
          </a:bodyPr>
          <a:lstStyle>
            <a:lvl1pPr marL="0" indent="0">
              <a:spcBef>
                <a:spcPts val="0"/>
              </a:spcBef>
              <a:buNone/>
              <a:defRPr sz="1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add title and department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BCF5C49A-1AD7-4CDB-8494-08C3F84DBCE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177200" y="5564007"/>
            <a:ext cx="5212800" cy="297858"/>
          </a:xfrm>
        </p:spPr>
        <p:txBody>
          <a:bodyPr tIns="0" rIns="0" bIns="0" anchor="t" anchorCtr="0">
            <a:noAutofit/>
          </a:bodyPr>
          <a:lstStyle>
            <a:lvl1pPr marL="0" indent="0">
              <a:spcBef>
                <a:spcPts val="0"/>
              </a:spcBef>
              <a:buNone/>
              <a:defRPr sz="18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date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A5FED2C-40CD-4A70-967A-A47CF6AAAE9E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84DCD494-7A67-4735-AD1D-DB38C3C72C1C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E94C447-B8B3-4332-823E-F984EDF0140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C3086789-4432-4861-A2A4-2CA724C1714A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18392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29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 image top,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23C56929-A5EF-4F58-B5EE-BDB9EA195155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4024800"/>
          </a:xfrm>
          <a:custGeom>
            <a:avLst/>
            <a:gdLst>
              <a:gd name="connsiteX0" fmla="*/ 0 w 12193200"/>
              <a:gd name="connsiteY0" fmla="*/ 0 h 4024800"/>
              <a:gd name="connsiteX1" fmla="*/ 12193200 w 12193200"/>
              <a:gd name="connsiteY1" fmla="*/ 0 h 4024800"/>
              <a:gd name="connsiteX2" fmla="*/ 12193200 w 12193200"/>
              <a:gd name="connsiteY2" fmla="*/ 4024800 h 4024800"/>
              <a:gd name="connsiteX3" fmla="*/ 923398 w 12193200"/>
              <a:gd name="connsiteY3" fmla="*/ 4024800 h 4024800"/>
              <a:gd name="connsiteX4" fmla="*/ 670916 w 12193200"/>
              <a:gd name="connsiteY4" fmla="*/ 3772319 h 4024800"/>
              <a:gd name="connsiteX5" fmla="*/ 418435 w 12193200"/>
              <a:gd name="connsiteY5" fmla="*/ 4024800 h 4024800"/>
              <a:gd name="connsiteX6" fmla="*/ 0 w 12193200"/>
              <a:gd name="connsiteY6" fmla="*/ 4024800 h 4024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3200" h="4024800">
                <a:moveTo>
                  <a:pt x="0" y="0"/>
                </a:moveTo>
                <a:lnTo>
                  <a:pt x="12193200" y="0"/>
                </a:lnTo>
                <a:lnTo>
                  <a:pt x="12193200" y="4024800"/>
                </a:lnTo>
                <a:lnTo>
                  <a:pt x="923398" y="4024800"/>
                </a:lnTo>
                <a:lnTo>
                  <a:pt x="670916" y="3772319"/>
                </a:lnTo>
                <a:lnTo>
                  <a:pt x="418435" y="4024800"/>
                </a:lnTo>
                <a:lnTo>
                  <a:pt x="0" y="4024800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3DF51A8A-BE83-4D1D-8493-6005066F3BC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-1"/>
            <a:ext cx="12191999" cy="4024800"/>
          </a:xfrm>
          <a:custGeom>
            <a:avLst/>
            <a:gdLst>
              <a:gd name="connsiteX0" fmla="*/ 0 w 12191999"/>
              <a:gd name="connsiteY0" fmla="*/ 0 h 4024800"/>
              <a:gd name="connsiteX1" fmla="*/ 12191999 w 12191999"/>
              <a:gd name="connsiteY1" fmla="*/ 0 h 4024800"/>
              <a:gd name="connsiteX2" fmla="*/ 12191999 w 12191999"/>
              <a:gd name="connsiteY2" fmla="*/ 4024800 h 4024800"/>
              <a:gd name="connsiteX3" fmla="*/ 923397 w 12191999"/>
              <a:gd name="connsiteY3" fmla="*/ 4024800 h 4024800"/>
              <a:gd name="connsiteX4" fmla="*/ 670916 w 12191999"/>
              <a:gd name="connsiteY4" fmla="*/ 3772320 h 4024800"/>
              <a:gd name="connsiteX5" fmla="*/ 418436 w 12191999"/>
              <a:gd name="connsiteY5" fmla="*/ 4024800 h 4024800"/>
              <a:gd name="connsiteX6" fmla="*/ 0 w 12191999"/>
              <a:gd name="connsiteY6" fmla="*/ 4024800 h 4024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1999" h="4024800">
                <a:moveTo>
                  <a:pt x="0" y="0"/>
                </a:moveTo>
                <a:lnTo>
                  <a:pt x="12191999" y="0"/>
                </a:lnTo>
                <a:lnTo>
                  <a:pt x="12191999" y="4024800"/>
                </a:lnTo>
                <a:lnTo>
                  <a:pt x="923397" y="4024800"/>
                </a:lnTo>
                <a:lnTo>
                  <a:pt x="670916" y="3772320"/>
                </a:lnTo>
                <a:lnTo>
                  <a:pt x="418436" y="4024800"/>
                </a:lnTo>
                <a:lnTo>
                  <a:pt x="0" y="40248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144000">
            <a:noAutofit/>
          </a:bodyPr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4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A1B785B-C085-4E5F-9CB2-3FEC8679DB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5" name="Content Placeholder 70">
            <a:extLst>
              <a:ext uri="{FF2B5EF4-FFF2-40B4-BE49-F238E27FC236}">
                <a16:creationId xmlns:a16="http://schemas.microsoft.com/office/drawing/2014/main" id="{DF603CE7-0928-499A-9034-BDC9FE7F6DB7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8338" y="1483199"/>
            <a:ext cx="5320800" cy="189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BF47147C-03AF-4408-AF29-BA590411090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7" y="6164263"/>
            <a:ext cx="7164388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71434-3B3D-46D4-B29C-BBE083D4CDEF}"/>
              </a:ext>
            </a:extLst>
          </p:cNvPr>
          <p:cNvSpPr>
            <a:spLocks noGrp="1"/>
          </p:cNvSpPr>
          <p:nvPr>
            <p:ph type="dt" sz="half" idx="48"/>
          </p:nvPr>
        </p:nvSpPr>
        <p:spPr/>
        <p:txBody>
          <a:bodyPr/>
          <a:lstStyle/>
          <a:p>
            <a:fld id="{2016701A-F886-4A96-8734-15AA412509BF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6ED0BDA-F818-4FB4-B9DE-4145F1B0E1C9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8F2E8BB-D333-48F8-B8E6-C8C669D0059A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069288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image right blue overlay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ckground">
            <a:extLst>
              <a:ext uri="{FF2B5EF4-FFF2-40B4-BE49-F238E27FC236}">
                <a16:creationId xmlns:a16="http://schemas.microsoft.com/office/drawing/2014/main" id="{B95BC4AC-9DBF-4EE8-963B-7DF59CC5AA31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sz="1400" dirty="0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DDCF8D1A-975D-4B83-9661-52FB2AA6B8A6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12192000" cy="5949949"/>
          </a:xfrm>
          <a:custGeom>
            <a:avLst/>
            <a:gdLst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664329 w 12192000"/>
              <a:gd name="connsiteY4" fmla="*/ 5933496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53328 w 12192000"/>
              <a:gd name="connsiteY4" fmla="*/ 5930970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6858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664329 w 12192000"/>
              <a:gd name="connsiteY4" fmla="*/ 5936858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664329 w 12192000"/>
              <a:gd name="connsiteY3" fmla="*/ 5936858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192000" h="5937924">
                <a:moveTo>
                  <a:pt x="0" y="0"/>
                </a:moveTo>
                <a:lnTo>
                  <a:pt x="12192000" y="0"/>
                </a:lnTo>
                <a:lnTo>
                  <a:pt x="12192000" y="5937924"/>
                </a:lnTo>
                <a:lnTo>
                  <a:pt x="0" y="5937924"/>
                </a:lnTo>
                <a:lnTo>
                  <a:pt x="0" y="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lIns="6048000" tIns="144000" rIns="669600">
            <a:normAutofit/>
          </a:bodyPr>
          <a:lstStyle>
            <a:lvl1pPr marL="0" marR="0" indent="0" algn="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</a:t>
            </a:r>
            <a:br>
              <a:rPr lang="en-US" noProof="0" dirty="0"/>
            </a:br>
            <a:r>
              <a:rPr lang="en-US" noProof="0" dirty="0"/>
              <a:t>Right click send picture to back for blue overlay effect if necessary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E939FA2-269E-443D-8869-2627956EB10E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-1"/>
            <a:ext cx="4141788" cy="5949949"/>
          </a:xfrm>
          <a:custGeom>
            <a:avLst/>
            <a:gdLst>
              <a:gd name="connsiteX0" fmla="*/ 0 w 4141788"/>
              <a:gd name="connsiteY0" fmla="*/ 0 h 5949949"/>
              <a:gd name="connsiteX1" fmla="*/ 4141788 w 4141788"/>
              <a:gd name="connsiteY1" fmla="*/ 0 h 5949949"/>
              <a:gd name="connsiteX2" fmla="*/ 4141788 w 4141788"/>
              <a:gd name="connsiteY2" fmla="*/ 518929 h 5949949"/>
              <a:gd name="connsiteX3" fmla="*/ 4141788 w 4141788"/>
              <a:gd name="connsiteY3" fmla="*/ 518928 h 5949949"/>
              <a:gd name="connsiteX4" fmla="*/ 3886524 w 4141788"/>
              <a:gd name="connsiteY4" fmla="*/ 774192 h 5949949"/>
              <a:gd name="connsiteX5" fmla="*/ 4141788 w 4141788"/>
              <a:gd name="connsiteY5" fmla="*/ 1029455 h 5949949"/>
              <a:gd name="connsiteX6" fmla="*/ 4141788 w 4141788"/>
              <a:gd name="connsiteY6" fmla="*/ 1029455 h 5949949"/>
              <a:gd name="connsiteX7" fmla="*/ 4141788 w 4141788"/>
              <a:gd name="connsiteY7" fmla="*/ 5949949 h 5949949"/>
              <a:gd name="connsiteX8" fmla="*/ 0 w 4141788"/>
              <a:gd name="connsiteY8" fmla="*/ 5949949 h 59499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41788" h="5949949">
                <a:moveTo>
                  <a:pt x="0" y="0"/>
                </a:moveTo>
                <a:lnTo>
                  <a:pt x="4141788" y="0"/>
                </a:lnTo>
                <a:lnTo>
                  <a:pt x="4141788" y="518929"/>
                </a:lnTo>
                <a:lnTo>
                  <a:pt x="4141788" y="518928"/>
                </a:lnTo>
                <a:lnTo>
                  <a:pt x="3886524" y="774192"/>
                </a:lnTo>
                <a:lnTo>
                  <a:pt x="4141788" y="1029455"/>
                </a:lnTo>
                <a:lnTo>
                  <a:pt x="4141788" y="1029455"/>
                </a:lnTo>
                <a:lnTo>
                  <a:pt x="4141788" y="5949949"/>
                </a:lnTo>
                <a:lnTo>
                  <a:pt x="0" y="5949949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330CB33-CEAF-410F-B110-2CEFCDE4A2E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9" y="368302"/>
            <a:ext cx="2767011" cy="900112"/>
          </a:xfrm>
        </p:spPr>
        <p:txBody>
          <a:bodyPr anchor="ctr" anchorCtr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389690E0-0CDC-4913-9F8C-920A36CE644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68338" y="1990799"/>
            <a:ext cx="2767012" cy="3743149"/>
          </a:xfrm>
        </p:spPr>
        <p:txBody>
          <a:bodyPr lIns="0" numCol="1" spcCol="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 sz="1600"/>
            </a:lvl6pPr>
            <a:lvl7pPr>
              <a:defRPr sz="1600"/>
            </a:lvl7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163EB882-3914-4A9F-916C-2DE89BEB18AA}"/>
              </a:ext>
            </a:extLst>
          </p:cNvPr>
          <p:cNvSpPr>
            <a:spLocks noGrp="1"/>
          </p:cNvSpPr>
          <p:nvPr>
            <p:ph type="dt" sz="half" idx="76"/>
          </p:nvPr>
        </p:nvSpPr>
        <p:spPr/>
        <p:txBody>
          <a:bodyPr/>
          <a:lstStyle/>
          <a:p>
            <a:fld id="{4BB6EB7E-A9AD-4F37-AEB6-826C23703070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097BFF54-D6C3-414A-A4FC-F09FA8ABEB0F}"/>
              </a:ext>
            </a:extLst>
          </p:cNvPr>
          <p:cNvSpPr>
            <a:spLocks noGrp="1"/>
          </p:cNvSpPr>
          <p:nvPr>
            <p:ph type="ftr" sz="quarter" idx="7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6" name="Copyright" descr="{&quot;templafy&quot;:{&quot;id&quot;:&quot;536e0de2-b818-4eaa-a01e-4781f2edde31&quot;}}" title="Copyright">
            <a:extLst>
              <a:ext uri="{FF2B5EF4-FFF2-40B4-BE49-F238E27FC236}">
                <a16:creationId xmlns:a16="http://schemas.microsoft.com/office/drawing/2014/main" id="{41A58F68-4716-4819-82B8-DE676A42864B}"/>
              </a:ext>
            </a:extLst>
          </p:cNvPr>
          <p:cNvSpPr txBox="1">
            <a:spLocks/>
          </p:cNvSpPr>
          <p:nvPr userDrawn="1"/>
        </p:nvSpPr>
        <p:spPr>
          <a:xfrm>
            <a:off x="668338" y="6548400"/>
            <a:ext cx="5977262" cy="180000"/>
          </a:xfrm>
          <a:prstGeom prst="rect">
            <a:avLst/>
          </a:prstGeom>
        </p:spPr>
        <p:txBody>
          <a:bodyPr lIns="0" tIns="0" rIns="0" bIns="0" anchor="b" anchorCtr="0"/>
          <a:lstStyle>
            <a:defPPr>
              <a:defRPr lang="en-US"/>
            </a:defPPr>
            <a:lvl1pPr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1pPr>
            <a:lvl2pPr marL="609585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2pPr>
            <a:lvl3pPr marL="1219170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3pPr>
            <a:lvl4pPr marL="1828754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4pPr>
            <a:lvl5pPr marL="2438339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5pPr>
            <a:lvl6pPr marL="3047924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6pPr>
            <a:lvl7pPr marL="3657509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7pPr>
            <a:lvl8pPr marL="4267093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8pPr>
            <a:lvl9pPr marL="4876678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9pPr>
          </a:lstStyle>
          <a:p>
            <a:r>
              <a:rPr lang="en-US" sz="800" dirty="0">
                <a:solidFill>
                  <a:schemeClr val="bg1"/>
                </a:solidFill>
                <a:latin typeface="+mn-lt"/>
              </a:rPr>
              <a:t>© 2022 Chr. Hansen. All rights reserved.</a:t>
            </a:r>
          </a:p>
        </p:txBody>
      </p:sp>
      <p:sp>
        <p:nvSpPr>
          <p:cNvPr id="55" name="Subtitle 2">
            <a:extLst>
              <a:ext uri="{FF2B5EF4-FFF2-40B4-BE49-F238E27FC236}">
                <a16:creationId xmlns:a16="http://schemas.microsoft.com/office/drawing/2014/main" id="{CF6DB0E9-56FA-4B37-9303-715C544760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bg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945D3E2-AAE4-43FD-B350-CBDF6D18036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579666" y="6097160"/>
            <a:ext cx="1328119" cy="574979"/>
          </a:xfrm>
          <a:prstGeom prst="rect">
            <a:avLst/>
          </a:prstGeom>
        </p:spPr>
      </p:pic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826F08B-C981-42E0-BB37-2FEA675E76A2}"/>
              </a:ext>
            </a:extLst>
          </p:cNvPr>
          <p:cNvSpPr>
            <a:spLocks noGrp="1"/>
          </p:cNvSpPr>
          <p:nvPr>
            <p:ph type="sldNum" sz="quarter" idx="7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900435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image left blue overlay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7E1578AC-9B12-478D-AD51-BE31A7561049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sz="1400" dirty="0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DDCF8D1A-975D-4B83-9661-52FB2AA6B8A6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12192000" cy="5950800"/>
          </a:xfrm>
          <a:custGeom>
            <a:avLst/>
            <a:gdLst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664329 w 12192000"/>
              <a:gd name="connsiteY4" fmla="*/ 5933496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53328 w 12192000"/>
              <a:gd name="connsiteY4" fmla="*/ 5930970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6858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664329 w 12192000"/>
              <a:gd name="connsiteY4" fmla="*/ 5936858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664329 w 12192000"/>
              <a:gd name="connsiteY3" fmla="*/ 5936858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192000" h="5937924">
                <a:moveTo>
                  <a:pt x="0" y="0"/>
                </a:moveTo>
                <a:lnTo>
                  <a:pt x="12192000" y="0"/>
                </a:lnTo>
                <a:lnTo>
                  <a:pt x="12192000" y="5937924"/>
                </a:lnTo>
                <a:lnTo>
                  <a:pt x="0" y="5937924"/>
                </a:lnTo>
                <a:lnTo>
                  <a:pt x="0" y="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lIns="669600" tIns="144000">
            <a:normAutofit/>
          </a:bodyPr>
          <a:lstStyle>
            <a:lvl1pPr marL="0" marR="0" indent="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</a:t>
            </a:r>
            <a:br>
              <a:rPr lang="en-US" noProof="0" dirty="0"/>
            </a:br>
            <a:r>
              <a:rPr lang="en-US" noProof="0" dirty="0"/>
              <a:t>Right click send picture to back for blue overlay effect if necessary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E492178D-69D1-408B-9A23-582A8D706474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8048624" y="0"/>
            <a:ext cx="4144575" cy="5950800"/>
          </a:xfrm>
          <a:custGeom>
            <a:avLst/>
            <a:gdLst>
              <a:gd name="connsiteX0" fmla="*/ 0 w 4144575"/>
              <a:gd name="connsiteY0" fmla="*/ 0 h 5950800"/>
              <a:gd name="connsiteX1" fmla="*/ 4144575 w 4144575"/>
              <a:gd name="connsiteY1" fmla="*/ 0 h 5950800"/>
              <a:gd name="connsiteX2" fmla="*/ 4144575 w 4144575"/>
              <a:gd name="connsiteY2" fmla="*/ 5950800 h 5950800"/>
              <a:gd name="connsiteX3" fmla="*/ 0 w 4144575"/>
              <a:gd name="connsiteY3" fmla="*/ 5950800 h 5950800"/>
              <a:gd name="connsiteX4" fmla="*/ 0 w 4144575"/>
              <a:gd name="connsiteY4" fmla="*/ 1028756 h 5950800"/>
              <a:gd name="connsiteX5" fmla="*/ 699 w 4144575"/>
              <a:gd name="connsiteY5" fmla="*/ 1029454 h 5950800"/>
              <a:gd name="connsiteX6" fmla="*/ 255962 w 4144575"/>
              <a:gd name="connsiteY6" fmla="*/ 774191 h 5950800"/>
              <a:gd name="connsiteX7" fmla="*/ 699 w 4144575"/>
              <a:gd name="connsiteY7" fmla="*/ 518927 h 5950800"/>
              <a:gd name="connsiteX8" fmla="*/ 0 w 4144575"/>
              <a:gd name="connsiteY8" fmla="*/ 519626 h 5950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44575" h="5950800">
                <a:moveTo>
                  <a:pt x="0" y="0"/>
                </a:moveTo>
                <a:lnTo>
                  <a:pt x="4144575" y="0"/>
                </a:lnTo>
                <a:lnTo>
                  <a:pt x="4144575" y="5950800"/>
                </a:lnTo>
                <a:lnTo>
                  <a:pt x="0" y="5950800"/>
                </a:lnTo>
                <a:lnTo>
                  <a:pt x="0" y="1028756"/>
                </a:lnTo>
                <a:lnTo>
                  <a:pt x="699" y="1029454"/>
                </a:lnTo>
                <a:lnTo>
                  <a:pt x="255962" y="774191"/>
                </a:lnTo>
                <a:lnTo>
                  <a:pt x="699" y="518927"/>
                </a:lnTo>
                <a:lnTo>
                  <a:pt x="0" y="519626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2D72A48-4B93-48F8-AF9E-F09AA276BE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755063" y="366714"/>
            <a:ext cx="2767012" cy="901700"/>
          </a:xfrm>
        </p:spPr>
        <p:txBody>
          <a:bodyPr anchor="ctr" anchorCtr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C1546D-FBB2-4471-9821-BA6F00EF1C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755062" y="1990800"/>
            <a:ext cx="2767012" cy="3744000"/>
          </a:xfrm>
        </p:spPr>
        <p:txBody>
          <a:bodyPr lIns="0" numCol="1" spcCol="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 sz="1600"/>
            </a:lvl6pPr>
            <a:lvl7pPr>
              <a:defRPr sz="1600"/>
            </a:lvl7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3" name="Date Placeholder 52" hidden="1">
            <a:extLst>
              <a:ext uri="{FF2B5EF4-FFF2-40B4-BE49-F238E27FC236}">
                <a16:creationId xmlns:a16="http://schemas.microsoft.com/office/drawing/2014/main" id="{2C2962CA-14B3-4047-8F40-F196C8962BFA}"/>
              </a:ext>
            </a:extLst>
          </p:cNvPr>
          <p:cNvSpPr>
            <a:spLocks noGrp="1"/>
          </p:cNvSpPr>
          <p:nvPr>
            <p:ph type="dt" sz="half" idx="76"/>
          </p:nvPr>
        </p:nvSpPr>
        <p:spPr/>
        <p:txBody>
          <a:bodyPr/>
          <a:lstStyle/>
          <a:p>
            <a:fld id="{5828D66C-469F-4191-9530-9875881D17AD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54" name="Footer Placeholder 53" hidden="1">
            <a:extLst>
              <a:ext uri="{FF2B5EF4-FFF2-40B4-BE49-F238E27FC236}">
                <a16:creationId xmlns:a16="http://schemas.microsoft.com/office/drawing/2014/main" id="{2444015B-2615-4BBF-A88C-B5485D812CEF}"/>
              </a:ext>
            </a:extLst>
          </p:cNvPr>
          <p:cNvSpPr>
            <a:spLocks noGrp="1"/>
          </p:cNvSpPr>
          <p:nvPr>
            <p:ph type="ftr" sz="quarter" idx="7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pyright" descr="{&quot;templafy&quot;:{&quot;id&quot;:&quot;586fc209-4749-4773-bb40-549b97592668&quot;}}" title="Copyright">
            <a:extLst>
              <a:ext uri="{FF2B5EF4-FFF2-40B4-BE49-F238E27FC236}">
                <a16:creationId xmlns:a16="http://schemas.microsoft.com/office/drawing/2014/main" id="{5A9EB365-FF04-4BFF-B45E-92AA6B2F1D3A}"/>
              </a:ext>
            </a:extLst>
          </p:cNvPr>
          <p:cNvSpPr txBox="1">
            <a:spLocks/>
          </p:cNvSpPr>
          <p:nvPr userDrawn="1"/>
        </p:nvSpPr>
        <p:spPr>
          <a:xfrm>
            <a:off x="668338" y="6548400"/>
            <a:ext cx="5977262" cy="180000"/>
          </a:xfrm>
          <a:prstGeom prst="rect">
            <a:avLst/>
          </a:prstGeom>
        </p:spPr>
        <p:txBody>
          <a:bodyPr lIns="0" tIns="0" rIns="0" bIns="0" anchor="b" anchorCtr="0"/>
          <a:lstStyle>
            <a:defPPr>
              <a:defRPr lang="en-US"/>
            </a:defPPr>
            <a:lvl1pPr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1pPr>
            <a:lvl2pPr marL="609585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2pPr>
            <a:lvl3pPr marL="1219170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3pPr>
            <a:lvl4pPr marL="1828754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4pPr>
            <a:lvl5pPr marL="2438339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5pPr>
            <a:lvl6pPr marL="3047924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6pPr>
            <a:lvl7pPr marL="3657509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7pPr>
            <a:lvl8pPr marL="4267093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8pPr>
            <a:lvl9pPr marL="4876678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9pPr>
          </a:lstStyle>
          <a:p>
            <a:r>
              <a:rPr lang="en-US" sz="800" dirty="0">
                <a:solidFill>
                  <a:schemeClr val="bg1"/>
                </a:solidFill>
                <a:latin typeface="+mn-lt"/>
              </a:rPr>
              <a:t>© 2022 Chr. Hansen. All rights reserved.</a:t>
            </a:r>
          </a:p>
        </p:txBody>
      </p:sp>
      <p:sp>
        <p:nvSpPr>
          <p:cNvPr id="50" name="Subtitle 2">
            <a:extLst>
              <a:ext uri="{FF2B5EF4-FFF2-40B4-BE49-F238E27FC236}">
                <a16:creationId xmlns:a16="http://schemas.microsoft.com/office/drawing/2014/main" id="{19354E6D-B7C7-41FC-8BEC-ABD27EB9373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bg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FFBCE93-80A1-43B4-84A3-BE82198C82F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579666" y="6097160"/>
            <a:ext cx="1328119" cy="574979"/>
          </a:xfrm>
          <a:prstGeom prst="rect">
            <a:avLst/>
          </a:prstGeom>
        </p:spPr>
      </p:pic>
      <p:sp>
        <p:nvSpPr>
          <p:cNvPr id="55" name="Slide Number Placeholder 54">
            <a:extLst>
              <a:ext uri="{FF2B5EF4-FFF2-40B4-BE49-F238E27FC236}">
                <a16:creationId xmlns:a16="http://schemas.microsoft.com/office/drawing/2014/main" id="{27488FCD-C9FA-4067-A14D-70B5445CDED8}"/>
              </a:ext>
            </a:extLst>
          </p:cNvPr>
          <p:cNvSpPr>
            <a:spLocks noGrp="1"/>
          </p:cNvSpPr>
          <p:nvPr>
            <p:ph type="sldNum" sz="quarter" idx="7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189179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ntent image left blue overlay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619094-D3A2-4D43-A301-E59CFBD312E1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sz="1400" dirty="0"/>
          </a:p>
        </p:txBody>
      </p:sp>
      <p:sp>
        <p:nvSpPr>
          <p:cNvPr id="12" name="Picture Placeholder 3">
            <a:extLst>
              <a:ext uri="{FF2B5EF4-FFF2-40B4-BE49-F238E27FC236}">
                <a16:creationId xmlns:a16="http://schemas.microsoft.com/office/drawing/2014/main" id="{46CAF5D8-2CA6-D244-AE75-C284EBE1872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12192000" cy="5950800"/>
          </a:xfrm>
          <a:prstGeom prst="rect">
            <a:avLst/>
          </a:prstGeom>
          <a:solidFill>
            <a:schemeClr val="bg1">
              <a:lumMod val="20000"/>
              <a:lumOff val="80000"/>
            </a:schemeClr>
          </a:solidFill>
        </p:spPr>
        <p:txBody>
          <a:bodyPr lIns="669600" tIns="144000" rIns="7020000"/>
          <a:lstStyle>
            <a:lvl1pPr marL="0" marR="0" indent="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to back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03AB753F-D7AF-400E-A6C6-530D7ED58012}"/>
              </a:ext>
            </a:extLst>
          </p:cNvPr>
          <p:cNvSpPr>
            <a:spLocks noGrp="1"/>
          </p:cNvSpPr>
          <p:nvPr>
            <p:ph type="body" sz="quarter" idx="120" hasCustomPrompt="1"/>
          </p:nvPr>
        </p:nvSpPr>
        <p:spPr>
          <a:xfrm>
            <a:off x="6203950" y="0"/>
            <a:ext cx="5989250" cy="5950800"/>
          </a:xfrm>
          <a:custGeom>
            <a:avLst/>
            <a:gdLst>
              <a:gd name="connsiteX0" fmla="*/ 0 w 5989250"/>
              <a:gd name="connsiteY0" fmla="*/ 0 h 5950800"/>
              <a:gd name="connsiteX1" fmla="*/ 5989250 w 5989250"/>
              <a:gd name="connsiteY1" fmla="*/ 0 h 5950800"/>
              <a:gd name="connsiteX2" fmla="*/ 5989250 w 5989250"/>
              <a:gd name="connsiteY2" fmla="*/ 5950800 h 5950800"/>
              <a:gd name="connsiteX3" fmla="*/ 0 w 5989250"/>
              <a:gd name="connsiteY3" fmla="*/ 5950800 h 5950800"/>
              <a:gd name="connsiteX4" fmla="*/ 0 w 5989250"/>
              <a:gd name="connsiteY4" fmla="*/ 1326996 h 5950800"/>
              <a:gd name="connsiteX5" fmla="*/ 117 w 5989250"/>
              <a:gd name="connsiteY5" fmla="*/ 1327112 h 5950800"/>
              <a:gd name="connsiteX6" fmla="*/ 255380 w 5989250"/>
              <a:gd name="connsiteY6" fmla="*/ 1071849 h 5950800"/>
              <a:gd name="connsiteX7" fmla="*/ 117 w 5989250"/>
              <a:gd name="connsiteY7" fmla="*/ 816585 h 5950800"/>
              <a:gd name="connsiteX8" fmla="*/ 0 w 5989250"/>
              <a:gd name="connsiteY8" fmla="*/ 816702 h 5950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989250" h="5950800">
                <a:moveTo>
                  <a:pt x="0" y="0"/>
                </a:moveTo>
                <a:lnTo>
                  <a:pt x="5989250" y="0"/>
                </a:lnTo>
                <a:lnTo>
                  <a:pt x="5989250" y="5950800"/>
                </a:lnTo>
                <a:lnTo>
                  <a:pt x="0" y="5950800"/>
                </a:lnTo>
                <a:lnTo>
                  <a:pt x="0" y="1326996"/>
                </a:lnTo>
                <a:lnTo>
                  <a:pt x="117" y="1327112"/>
                </a:lnTo>
                <a:lnTo>
                  <a:pt x="255380" y="1071849"/>
                </a:lnTo>
                <a:lnTo>
                  <a:pt x="117" y="816585"/>
                </a:lnTo>
                <a:lnTo>
                  <a:pt x="0" y="816702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7246F372-30B1-48DB-8A54-1C0F69D9D5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12000" y="367201"/>
            <a:ext cx="4607326" cy="213687"/>
          </a:xfrm>
        </p:spPr>
        <p:txBody>
          <a:bodyPr anchor="t" anchorCtr="0"/>
          <a:lstStyle>
            <a:lvl1pPr>
              <a:lnSpc>
                <a:spcPct val="100000"/>
              </a:lnSpc>
              <a:defRPr sz="1400" cap="all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52353A7D-6716-4F8D-BB1F-7B4F097EEDA3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6913548" y="794351"/>
            <a:ext cx="4607326" cy="2129823"/>
          </a:xfrm>
        </p:spPr>
        <p:txBody>
          <a:bodyPr/>
          <a:lstStyle>
            <a:lvl1pPr marL="0" indent="0">
              <a:lnSpc>
                <a:spcPct val="83000"/>
              </a:lnSpc>
              <a:spcAft>
                <a:spcPts val="0"/>
              </a:spcAft>
              <a:buNone/>
              <a:defRPr sz="5400" b="1"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15" name="Content Placeholder 3">
            <a:extLst>
              <a:ext uri="{FF2B5EF4-FFF2-40B4-BE49-F238E27FC236}">
                <a16:creationId xmlns:a16="http://schemas.microsoft.com/office/drawing/2014/main" id="{B5BAFD22-307C-475E-86C5-F2C1C1EC123B}"/>
              </a:ext>
            </a:extLst>
          </p:cNvPr>
          <p:cNvSpPr>
            <a:spLocks noGrp="1"/>
          </p:cNvSpPr>
          <p:nvPr>
            <p:ph sz="half" idx="123" hasCustomPrompt="1"/>
          </p:nvPr>
        </p:nvSpPr>
        <p:spPr>
          <a:xfrm>
            <a:off x="6913548" y="3516086"/>
            <a:ext cx="4608000" cy="2183099"/>
          </a:xfrm>
        </p:spPr>
        <p:txBody>
          <a:bodyPr/>
          <a:lstStyle>
            <a:lvl1pPr>
              <a:defRPr sz="18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tx1"/>
                </a:solidFill>
              </a:defRPr>
            </a:lvl2pPr>
            <a:lvl3pPr>
              <a:defRPr sz="1800">
                <a:solidFill>
                  <a:schemeClr val="tx1"/>
                </a:solidFill>
              </a:defRPr>
            </a:lvl3pPr>
            <a:lvl4pPr>
              <a:defRPr sz="1800">
                <a:solidFill>
                  <a:schemeClr val="tx1"/>
                </a:solidFill>
              </a:defRPr>
            </a:lvl4pPr>
            <a:lvl5pPr>
              <a:defRPr sz="18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endParaRPr lang="en-US" dirty="0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A2C05507-6754-AB44-B1A1-26B8B49C10F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8" y="6164263"/>
            <a:ext cx="7164387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bg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05142863-25D1-4EB4-850C-93B2D5B0CD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579666" y="6097160"/>
            <a:ext cx="1328119" cy="574979"/>
          </a:xfrm>
          <a:prstGeom prst="rect">
            <a:avLst/>
          </a:prstGeom>
        </p:spPr>
      </p:pic>
      <p:sp>
        <p:nvSpPr>
          <p:cNvPr id="4" name="Copyright" descr="{&quot;templafy&quot;:{&quot;id&quot;:&quot;d58c9206-7961-4382-9d5e-f0dc96a09b8c&quot;}}" title="Copyright">
            <a:extLst>
              <a:ext uri="{FF2B5EF4-FFF2-40B4-BE49-F238E27FC236}">
                <a16:creationId xmlns:a16="http://schemas.microsoft.com/office/drawing/2014/main" id="{8142E82B-2055-4DE5-8CDA-64A2D8529217}"/>
              </a:ext>
            </a:extLst>
          </p:cNvPr>
          <p:cNvSpPr txBox="1">
            <a:spLocks/>
          </p:cNvSpPr>
          <p:nvPr userDrawn="1"/>
        </p:nvSpPr>
        <p:spPr>
          <a:xfrm>
            <a:off x="668338" y="6548400"/>
            <a:ext cx="5977262" cy="180000"/>
          </a:xfrm>
          <a:prstGeom prst="rect">
            <a:avLst/>
          </a:prstGeom>
        </p:spPr>
        <p:txBody>
          <a:bodyPr lIns="0" tIns="0" rIns="0" bIns="0" anchor="b" anchorCtr="0"/>
          <a:lstStyle>
            <a:defPPr>
              <a:defRPr lang="en-US"/>
            </a:defPPr>
            <a:lvl1pPr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1pPr>
            <a:lvl2pPr marL="609585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2pPr>
            <a:lvl3pPr marL="1219170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3pPr>
            <a:lvl4pPr marL="1828754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4pPr>
            <a:lvl5pPr marL="2438339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5pPr>
            <a:lvl6pPr marL="3047924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6pPr>
            <a:lvl7pPr marL="3657509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7pPr>
            <a:lvl8pPr marL="4267093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8pPr>
            <a:lvl9pPr marL="4876678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9pPr>
          </a:lstStyle>
          <a:p>
            <a:r>
              <a:rPr lang="en-US" sz="800" dirty="0">
                <a:solidFill>
                  <a:schemeClr val="bg1"/>
                </a:solidFill>
                <a:latin typeface="+mn-lt"/>
              </a:rPr>
              <a:t>© 2022 Chr. Hansen. All rights reserved.</a:t>
            </a:r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120897AE-6D00-A845-84BD-6CE3FB8C583E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91344" y="6548400"/>
            <a:ext cx="332689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Date Placeholder 52" hidden="1">
            <a:extLst>
              <a:ext uri="{FF2B5EF4-FFF2-40B4-BE49-F238E27FC236}">
                <a16:creationId xmlns:a16="http://schemas.microsoft.com/office/drawing/2014/main" id="{7AD1C426-3DBB-454E-A375-210C180093CC}"/>
              </a:ext>
            </a:extLst>
          </p:cNvPr>
          <p:cNvSpPr>
            <a:spLocks noGrp="1"/>
          </p:cNvSpPr>
          <p:nvPr>
            <p:ph type="dt" sz="half" idx="7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5828D66C-469F-4191-9530-9875881D17AD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9" name="Footer Placeholder 53" hidden="1">
            <a:extLst>
              <a:ext uri="{FF2B5EF4-FFF2-40B4-BE49-F238E27FC236}">
                <a16:creationId xmlns:a16="http://schemas.microsoft.com/office/drawing/2014/main" id="{5B07ECF3-61AE-4648-9B75-16617E8E59AD}"/>
              </a:ext>
            </a:extLst>
          </p:cNvPr>
          <p:cNvSpPr>
            <a:spLocks noGrp="1"/>
          </p:cNvSpPr>
          <p:nvPr>
            <p:ph type="ftr" sz="quarter" idx="7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407796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205">
          <p15:clr>
            <a:srgbClr val="FBAE40"/>
          </p15:clr>
        </p15:guide>
        <p15:guide id="2" orient="horz" pos="1842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110">
            <a:extLst>
              <a:ext uri="{FF2B5EF4-FFF2-40B4-BE49-F238E27FC236}">
                <a16:creationId xmlns:a16="http://schemas.microsoft.com/office/drawing/2014/main" id="{7202BEC9-B056-49E3-9783-1509E17A1ECD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3927474" cy="6858000"/>
          </a:xfrm>
          <a:solidFill>
            <a:srgbClr val="042947">
              <a:alpha val="80000"/>
            </a:srgbClr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 1">
            <a:extLst>
              <a:ext uri="{FF2B5EF4-FFF2-40B4-BE49-F238E27FC236}">
                <a16:creationId xmlns:a16="http://schemas.microsoft.com/office/drawing/2014/main" id="{9F27F5A8-6383-4AA0-8C71-502104067A1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1" y="0"/>
            <a:ext cx="3927474" cy="6858000"/>
          </a:xfrm>
          <a:solidFill>
            <a:schemeClr val="bg1">
              <a:lumMod val="85000"/>
            </a:schemeClr>
          </a:solidFill>
        </p:spPr>
        <p:txBody>
          <a:bodyPr lIns="216000" tIns="144000" rIns="21600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 / Right click send picture to back for blue overlay effect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544C9FA1-2925-4935-8BAA-5C57EDDBEE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57688" y="368301"/>
            <a:ext cx="7164386" cy="900112"/>
          </a:xfrm>
          <a:prstGeom prst="rect">
            <a:avLst/>
          </a:prstGeom>
        </p:spPr>
        <p:txBody>
          <a:bodyPr lIns="0" anchor="t" anchorCtr="0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C1546D-FBB2-4471-9821-BA6F00EF1C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357688" y="1484312"/>
            <a:ext cx="7164386" cy="4465637"/>
          </a:xfrm>
        </p:spPr>
        <p:txBody>
          <a:bodyPr l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83A210DA-4270-451F-9199-03CE99A3E62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57687" y="6164263"/>
            <a:ext cx="5319713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0FF0D43F-1444-4795-82F0-7708E6176907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fld id="{AF1B43DB-24EE-41BE-8125-0BD843547A2B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0D40175B-EE93-4380-A982-C50CA3923591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622CC00F-4585-4104-B050-D8BA6E73E66C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853381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4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nd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ext Placeholder 110">
            <a:extLst>
              <a:ext uri="{FF2B5EF4-FFF2-40B4-BE49-F238E27FC236}">
                <a16:creationId xmlns:a16="http://schemas.microsoft.com/office/drawing/2014/main" id="{94365000-C98A-4BCD-AB14-C4A6B604C032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3000375" cy="6858000"/>
          </a:xfrm>
          <a:solidFill>
            <a:srgbClr val="042947">
              <a:alpha val="80000"/>
            </a:srgbClr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Picture Placeholder 1">
            <a:extLst>
              <a:ext uri="{FF2B5EF4-FFF2-40B4-BE49-F238E27FC236}">
                <a16:creationId xmlns:a16="http://schemas.microsoft.com/office/drawing/2014/main" id="{359C4C8D-C4B1-466D-A7B9-6616A427E73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1" y="0"/>
            <a:ext cx="3000374" cy="6858000"/>
          </a:xfrm>
          <a:solidFill>
            <a:schemeClr val="bg1">
              <a:lumMod val="85000"/>
            </a:schemeClr>
          </a:solidFill>
        </p:spPr>
        <p:txBody>
          <a:bodyPr lIns="216000" tIns="144000" rIns="21600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 / Right click send picture to back for blue overlay effec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D0018E31-CB4B-4F76-9836-FA7E3DA655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5350" y="368301"/>
            <a:ext cx="8086725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050F07-2463-4813-AEFE-D9B5A33F0CA5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435349" y="2307223"/>
            <a:ext cx="2551113" cy="3642727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D9A783D-6495-43FC-82BC-B01556240F54}"/>
              </a:ext>
            </a:extLst>
          </p:cNvPr>
          <p:cNvSpPr>
            <a:spLocks noGrp="1"/>
          </p:cNvSpPr>
          <p:nvPr>
            <p:ph sz="quarter" idx="4" hasCustomPrompt="1"/>
          </p:nvPr>
        </p:nvSpPr>
        <p:spPr>
          <a:xfrm>
            <a:off x="6203950" y="2307223"/>
            <a:ext cx="2551113" cy="3642727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Content Placeholder 7">
            <a:extLst>
              <a:ext uri="{FF2B5EF4-FFF2-40B4-BE49-F238E27FC236}">
                <a16:creationId xmlns:a16="http://schemas.microsoft.com/office/drawing/2014/main" id="{82FB4A73-256A-4C34-B3FF-A2F7942B5304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971200" y="2307223"/>
            <a:ext cx="2551111" cy="3642727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ACC72A92-0F56-4321-8001-31BD2AE7117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3435348" y="6164263"/>
            <a:ext cx="6242051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ADB07F46-B3CD-49D6-A392-D7B6346F24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02034E5-66F6-4AE3-8E21-94F4C31366DB}" type="datetime4">
              <a:rPr lang="en-US" smtClean="0"/>
              <a:t>May 24, 2022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187220C6-12B9-42AF-8256-A9B7CC9A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85302B1-EFFC-43C8-B35D-E0D4FE7756C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B82EB86-46F6-4FD5-8E2E-F42CFB64477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8" name="Content Placeholder 70">
            <a:extLst>
              <a:ext uri="{FF2B5EF4-FFF2-40B4-BE49-F238E27FC236}">
                <a16:creationId xmlns:a16="http://schemas.microsoft.com/office/drawing/2014/main" id="{D620382E-770C-4B85-9D86-2D4739C8F6F0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3435350" y="1483200"/>
            <a:ext cx="8087986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19138308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90" userDrawn="1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Content and 1/2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110">
            <a:extLst>
              <a:ext uri="{FF2B5EF4-FFF2-40B4-BE49-F238E27FC236}">
                <a16:creationId xmlns:a16="http://schemas.microsoft.com/office/drawing/2014/main" id="{7F30D2E6-BE9D-4D67-84C1-373ED0386449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-1" y="0"/>
            <a:ext cx="5770563" cy="6858000"/>
          </a:xfrm>
          <a:solidFill>
            <a:srgbClr val="042947">
              <a:alpha val="80000"/>
            </a:srgbClr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F7794906-F0C4-4716-8A32-AD8DCFAE064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5772150" cy="6858000"/>
          </a:xfrm>
          <a:solidFill>
            <a:schemeClr val="bg1">
              <a:lumMod val="85000"/>
            </a:schemeClr>
          </a:solidFill>
        </p:spPr>
        <p:txBody>
          <a:bodyPr lIns="396000" tIns="144000" rIns="39600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 / Right click send picture to back for blue overlay effect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544C9FA1-2925-4935-8BAA-5C57EDDBEE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02800" y="368301"/>
            <a:ext cx="5320800" cy="900112"/>
          </a:xfrm>
          <a:prstGeom prst="rect">
            <a:avLst/>
          </a:prstGeom>
        </p:spPr>
        <p:txBody>
          <a:bodyPr lIns="0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C1546D-FBB2-4471-9821-BA6F00EF1C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202800" y="1484313"/>
            <a:ext cx="5320800" cy="4465637"/>
          </a:xfrm>
        </p:spPr>
        <p:txBody>
          <a:bodyPr lIns="0"/>
          <a:lstStyle>
            <a:lvl5pPr>
              <a:defRPr b="1"/>
            </a:lvl5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6A6FE96-A157-48D4-BB34-701DE89BA08A}"/>
              </a:ext>
            </a:extLst>
          </p:cNvPr>
          <p:cNvSpPr>
            <a:spLocks noGrp="1"/>
          </p:cNvSpPr>
          <p:nvPr>
            <p:ph type="subTitle" idx="94" hasCustomPrompt="1"/>
          </p:nvPr>
        </p:nvSpPr>
        <p:spPr>
          <a:xfrm>
            <a:off x="6203950" y="6164263"/>
            <a:ext cx="3473450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F55BFDD4-5BE0-4209-BB26-0487F23E77F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B25963E1-3BF9-4BD0-8670-FCBF78706E14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19DC6439-E35F-4649-9060-F1E949CDFA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A49D336E-CEBD-41F4-AE10-195A77D280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7041503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4 Content and 3/4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110">
            <a:extLst>
              <a:ext uri="{FF2B5EF4-FFF2-40B4-BE49-F238E27FC236}">
                <a16:creationId xmlns:a16="http://schemas.microsoft.com/office/drawing/2014/main" id="{7202BEC9-B056-49E3-9783-1509E17A1ECD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8377200" cy="6858000"/>
          </a:xfrm>
          <a:solidFill>
            <a:srgbClr val="042947">
              <a:alpha val="80000"/>
            </a:srgbClr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 1">
            <a:extLst>
              <a:ext uri="{FF2B5EF4-FFF2-40B4-BE49-F238E27FC236}">
                <a16:creationId xmlns:a16="http://schemas.microsoft.com/office/drawing/2014/main" id="{9F27F5A8-6383-4AA0-8C71-502104067A1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1" y="0"/>
            <a:ext cx="8539200" cy="6858000"/>
          </a:xfrm>
          <a:solidFill>
            <a:schemeClr val="bg1">
              <a:lumMod val="85000"/>
            </a:schemeClr>
          </a:solidFill>
        </p:spPr>
        <p:txBody>
          <a:bodyPr lIns="216000" tIns="144000" rIns="21600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 / Right click send picture to back for blue overlay effect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544C9FA1-2925-4935-8BAA-5C57EDDBEE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970962" y="368301"/>
            <a:ext cx="2551111" cy="900112"/>
          </a:xfrm>
          <a:prstGeom prst="rect">
            <a:avLst/>
          </a:prstGeom>
        </p:spPr>
        <p:txBody>
          <a:bodyPr lIns="0" anchor="t" anchorCtr="0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C1546D-FBB2-4471-9821-BA6F00EF1C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970962" y="1484312"/>
            <a:ext cx="2551111" cy="4465637"/>
          </a:xfrm>
        </p:spPr>
        <p:txBody>
          <a:bodyPr lIns="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0FF0D43F-1444-4795-82F0-7708E6176907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fld id="{AF1B43DB-24EE-41BE-8125-0BD843547A2B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0D40175B-EE93-4380-A982-C50CA3923591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622CC00F-4585-4104-B050-D8BA6E73E66C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85657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4" userDrawn="1">
          <p15:clr>
            <a:srgbClr val="F26B43"/>
          </p15:clr>
        </p15:guide>
        <p15:guide id="2" pos="5379" userDrawn="1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, two comparison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10">
            <a:extLst>
              <a:ext uri="{FF2B5EF4-FFF2-40B4-BE49-F238E27FC236}">
                <a16:creationId xmlns:a16="http://schemas.microsoft.com/office/drawing/2014/main" id="{1118F704-AA54-4531-92ED-CB9225AE961B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-1" y="0"/>
            <a:ext cx="5770563" cy="6858000"/>
          </a:xfrm>
          <a:solidFill>
            <a:srgbClr val="042947">
              <a:alpha val="80000"/>
            </a:srgbClr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F7794906-F0C4-4716-8A32-AD8DCFAE064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5772149" cy="6858000"/>
          </a:xfrm>
          <a:solidFill>
            <a:schemeClr val="bg1">
              <a:lumMod val="85000"/>
            </a:schemeClr>
          </a:solidFill>
        </p:spPr>
        <p:txBody>
          <a:bodyPr lIns="396000" tIns="144000" rIns="39600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F311F8F-F9FD-4502-A515-61498AE53D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02799" y="368301"/>
            <a:ext cx="5319275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FF0D2846-EA36-4386-9489-F3D5D12014F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2426" y="3228756"/>
            <a:ext cx="2552637" cy="1223963"/>
          </a:xfrm>
          <a:solidFill>
            <a:schemeClr val="bg1">
              <a:lumMod val="85000"/>
            </a:schemeClr>
          </a:solidFill>
        </p:spPr>
        <p:txBody>
          <a:bodyPr/>
          <a:lstStyle>
            <a:lvl1pPr marL="0" indent="0" algn="ctr"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7" name="Text Placeholder 18">
            <a:extLst>
              <a:ext uri="{FF2B5EF4-FFF2-40B4-BE49-F238E27FC236}">
                <a16:creationId xmlns:a16="http://schemas.microsoft.com/office/drawing/2014/main" id="{22B836F1-F254-42AF-8826-2F8715710DF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02799" y="4562839"/>
            <a:ext cx="2552400" cy="1387111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Picture Placeholder 3">
            <a:extLst>
              <a:ext uri="{FF2B5EF4-FFF2-40B4-BE49-F238E27FC236}">
                <a16:creationId xmlns:a16="http://schemas.microsoft.com/office/drawing/2014/main" id="{E29975A4-46A0-48D3-A473-6E82F872839F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970962" y="3228756"/>
            <a:ext cx="2552637" cy="1223963"/>
          </a:xfrm>
          <a:solidFill>
            <a:schemeClr val="bg1">
              <a:lumMod val="85000"/>
            </a:schemeClr>
          </a:solidFill>
        </p:spPr>
        <p:txBody>
          <a:bodyPr/>
          <a:lstStyle>
            <a:lvl1pPr marL="0" indent="0" algn="ctr"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8" name="Text Placeholder 20">
            <a:extLst>
              <a:ext uri="{FF2B5EF4-FFF2-40B4-BE49-F238E27FC236}">
                <a16:creationId xmlns:a16="http://schemas.microsoft.com/office/drawing/2014/main" id="{B09898C3-15F0-403C-8372-5744B8FEF70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970963" y="4561358"/>
            <a:ext cx="2551111" cy="138859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70">
            <a:extLst>
              <a:ext uri="{FF2B5EF4-FFF2-40B4-BE49-F238E27FC236}">
                <a16:creationId xmlns:a16="http://schemas.microsoft.com/office/drawing/2014/main" id="{A226D68B-F6DE-42FF-AB5A-4297C12AD708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202800" y="1483199"/>
            <a:ext cx="5319386" cy="1531243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800"/>
            </a:lvl1pPr>
            <a:lvl2pPr marL="360000" indent="-180000">
              <a:spcAft>
                <a:spcPts val="600"/>
              </a:spcAft>
              <a:buFont typeface="Calibri" panose="020F0502020204030204" pitchFamily="34" charset="0"/>
              <a:buChar char="-"/>
              <a:defRPr sz="1400"/>
            </a:lvl2pPr>
            <a:lvl3pPr marL="540000" indent="-180000">
              <a:spcAft>
                <a:spcPts val="600"/>
              </a:spcAft>
              <a:buFont typeface="Calibri" panose="020F0502020204030204" pitchFamily="34" charset="0"/>
              <a:buChar char="-"/>
              <a:defRPr sz="1400"/>
            </a:lvl3pPr>
            <a:lvl4pPr marL="720000" indent="-180000">
              <a:spcAft>
                <a:spcPts val="600"/>
              </a:spcAft>
              <a:buFont typeface="Calibri" panose="020F0502020204030204" pitchFamily="34" charset="0"/>
              <a:buChar char="-"/>
              <a:defRPr sz="1400"/>
            </a:lvl4pPr>
            <a:lvl5pPr marL="0" indent="0">
              <a:spcAft>
                <a:spcPts val="0"/>
              </a:spcAft>
              <a:buFont typeface="Arial" panose="020B0604020202020204" pitchFamily="34" charset="0"/>
              <a:buChar char="​"/>
              <a:defRPr sz="1400" baseline="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40DE20FB-DD30-4222-A20E-6622F35BDD0B}"/>
              </a:ext>
            </a:extLst>
          </p:cNvPr>
          <p:cNvSpPr>
            <a:spLocks noGrp="1"/>
          </p:cNvSpPr>
          <p:nvPr>
            <p:ph type="subTitle" idx="94" hasCustomPrompt="1"/>
          </p:nvPr>
        </p:nvSpPr>
        <p:spPr>
          <a:xfrm>
            <a:off x="6203950" y="6164263"/>
            <a:ext cx="3473450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20" name="Date Placeholder 19" hidden="1">
            <a:extLst>
              <a:ext uri="{FF2B5EF4-FFF2-40B4-BE49-F238E27FC236}">
                <a16:creationId xmlns:a16="http://schemas.microsoft.com/office/drawing/2014/main" id="{6F3C3FBB-7BDD-4795-A30E-91B3BF470D80}"/>
              </a:ext>
            </a:extLst>
          </p:cNvPr>
          <p:cNvSpPr>
            <a:spLocks noGrp="1"/>
          </p:cNvSpPr>
          <p:nvPr>
            <p:ph type="dt" sz="half" idx="75"/>
          </p:nvPr>
        </p:nvSpPr>
        <p:spPr/>
        <p:txBody>
          <a:bodyPr/>
          <a:lstStyle/>
          <a:p>
            <a:fld id="{D98BDD95-F30B-4759-B356-BE530711339C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21" name="Footer Placeholder 20" hidden="1">
            <a:extLst>
              <a:ext uri="{FF2B5EF4-FFF2-40B4-BE49-F238E27FC236}">
                <a16:creationId xmlns:a16="http://schemas.microsoft.com/office/drawing/2014/main" id="{791F2A92-DFFA-408C-9A11-69DBCFE46855}"/>
              </a:ext>
            </a:extLst>
          </p:cNvPr>
          <p:cNvSpPr>
            <a:spLocks noGrp="1"/>
          </p:cNvSpPr>
          <p:nvPr>
            <p:ph type="ftr" sz="quarter" idx="7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260BC2C4-3427-40A5-8DBD-AA2EF238A826}"/>
              </a:ext>
            </a:extLst>
          </p:cNvPr>
          <p:cNvSpPr>
            <a:spLocks noGrp="1"/>
          </p:cNvSpPr>
          <p:nvPr>
            <p:ph type="sldNum" sz="quarter" idx="7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804611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, three comparison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 Placeholder 110">
            <a:extLst>
              <a:ext uri="{FF2B5EF4-FFF2-40B4-BE49-F238E27FC236}">
                <a16:creationId xmlns:a16="http://schemas.microsoft.com/office/drawing/2014/main" id="{C7A4FBB8-123B-465B-97A2-89D936020147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-1" y="0"/>
            <a:ext cx="5770563" cy="6858000"/>
          </a:xfrm>
          <a:solidFill>
            <a:srgbClr val="042947">
              <a:alpha val="80000"/>
            </a:srgbClr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F7794906-F0C4-4716-8A32-AD8DCFAE064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5770562" cy="6858000"/>
          </a:xfrm>
          <a:solidFill>
            <a:schemeClr val="bg1">
              <a:lumMod val="85000"/>
            </a:schemeClr>
          </a:solidFill>
        </p:spPr>
        <p:txBody>
          <a:bodyPr lIns="396000" tIns="144000" rIns="39600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1539854-1942-4D94-88D9-C7A4AFDD3C7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02800" y="368301"/>
            <a:ext cx="5320800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17B0C917-99B2-481F-AF5B-DB140FD54B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2800" y="3228756"/>
            <a:ext cx="1628775" cy="1223963"/>
          </a:xfrm>
          <a:solidFill>
            <a:schemeClr val="bg1">
              <a:lumMod val="85000"/>
            </a:schemeClr>
          </a:solidFill>
        </p:spPr>
        <p:txBody>
          <a:bodyPr/>
          <a:lstStyle>
            <a:lvl1pPr marL="0" indent="0" algn="ctr"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BCF8640F-249E-4BFB-A735-A45964AF0188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02800" y="4561200"/>
            <a:ext cx="1628775" cy="138875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200"/>
            </a:lvl7pPr>
            <a:lvl8pPr>
              <a:defRPr sz="1800"/>
            </a:lvl8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endParaRPr lang="en-US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E3928BBA-CA00-4282-BE4C-C6701634C6A0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048625" y="3228756"/>
            <a:ext cx="1628775" cy="1223963"/>
          </a:xfrm>
          <a:solidFill>
            <a:schemeClr val="bg1">
              <a:lumMod val="85000"/>
            </a:schemeClr>
          </a:solidFill>
        </p:spPr>
        <p:txBody>
          <a:bodyPr/>
          <a:lstStyle>
            <a:lvl1pPr marL="0" indent="0" algn="ctr"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6EAAC924-6CC6-4B60-80E3-AC13C420786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048625" y="4561358"/>
            <a:ext cx="1628775" cy="138859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 sz="1200"/>
            </a:lvl6pPr>
            <a:lvl7pPr>
              <a:defRPr sz="1200"/>
            </a:lvl7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CB2CD670-5E13-4E43-BF6D-246E88A52269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96400" y="3228756"/>
            <a:ext cx="1625675" cy="1223963"/>
          </a:xfrm>
          <a:solidFill>
            <a:schemeClr val="bg1">
              <a:lumMod val="85000"/>
            </a:schemeClr>
          </a:solidFill>
        </p:spPr>
        <p:txBody>
          <a:bodyPr/>
          <a:lstStyle>
            <a:lvl1pPr marL="0" indent="0" algn="ctr"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6" name="Content Placeholder 70">
            <a:extLst>
              <a:ext uri="{FF2B5EF4-FFF2-40B4-BE49-F238E27FC236}">
                <a16:creationId xmlns:a16="http://schemas.microsoft.com/office/drawing/2014/main" id="{9044C599-1848-402A-9B93-E7E22C44AE82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202800" y="1483199"/>
            <a:ext cx="5319386" cy="1531243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800"/>
            </a:lvl1pPr>
            <a:lvl2pPr marL="360000" indent="-180000">
              <a:spcAft>
                <a:spcPts val="600"/>
              </a:spcAft>
              <a:buFont typeface="Calibri" panose="020F0502020204030204" pitchFamily="34" charset="0"/>
              <a:buChar char="-"/>
              <a:defRPr sz="1400"/>
            </a:lvl2pPr>
            <a:lvl3pPr marL="540000" indent="-180000">
              <a:spcAft>
                <a:spcPts val="600"/>
              </a:spcAft>
              <a:buFont typeface="Calibri" panose="020F0502020204030204" pitchFamily="34" charset="0"/>
              <a:buChar char="-"/>
              <a:defRPr sz="1400"/>
            </a:lvl3pPr>
            <a:lvl4pPr marL="720000" indent="-180000">
              <a:spcAft>
                <a:spcPts val="600"/>
              </a:spcAft>
              <a:buFont typeface="Calibri" panose="020F0502020204030204" pitchFamily="34" charset="0"/>
              <a:buChar char="-"/>
              <a:defRPr sz="1400"/>
            </a:lvl4pPr>
            <a:lvl5pPr marL="0" indent="0">
              <a:spcAft>
                <a:spcPts val="0"/>
              </a:spcAft>
              <a:buFont typeface="Arial" panose="020B0604020202020204" pitchFamily="34" charset="0"/>
              <a:buChar char="​"/>
              <a:defRPr sz="1400" baseline="0"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5F1DB24F-9AE9-4F15-9C8B-7F0E5A7380DA}"/>
              </a:ext>
            </a:extLst>
          </p:cNvPr>
          <p:cNvSpPr>
            <a:spLocks noGrp="1"/>
          </p:cNvSpPr>
          <p:nvPr>
            <p:ph type="subTitle" idx="94" hasCustomPrompt="1"/>
          </p:nvPr>
        </p:nvSpPr>
        <p:spPr>
          <a:xfrm>
            <a:off x="6203950" y="6164263"/>
            <a:ext cx="3473450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E768C798-52C7-482F-B020-0EEA9ED4C06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895570" y="4561358"/>
            <a:ext cx="1626505" cy="1388592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200"/>
            </a:lvl7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9" name="Date Placeholder 28" hidden="1">
            <a:extLst>
              <a:ext uri="{FF2B5EF4-FFF2-40B4-BE49-F238E27FC236}">
                <a16:creationId xmlns:a16="http://schemas.microsoft.com/office/drawing/2014/main" id="{4106AA83-2EA5-425B-8CD2-1BA499805E14}"/>
              </a:ext>
            </a:extLst>
          </p:cNvPr>
          <p:cNvSpPr>
            <a:spLocks noGrp="1"/>
          </p:cNvSpPr>
          <p:nvPr>
            <p:ph type="dt" sz="half" idx="75"/>
          </p:nvPr>
        </p:nvSpPr>
        <p:spPr/>
        <p:txBody>
          <a:bodyPr/>
          <a:lstStyle/>
          <a:p>
            <a:fld id="{5EC9D7F9-53AC-4AFD-8AEC-3385A69D8C77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30" name="Footer Placeholder 29" hidden="1">
            <a:extLst>
              <a:ext uri="{FF2B5EF4-FFF2-40B4-BE49-F238E27FC236}">
                <a16:creationId xmlns:a16="http://schemas.microsoft.com/office/drawing/2014/main" id="{1E2915AD-C1AB-4F21-875D-8C03B0D6D38F}"/>
              </a:ext>
            </a:extLst>
          </p:cNvPr>
          <p:cNvSpPr>
            <a:spLocks noGrp="1"/>
          </p:cNvSpPr>
          <p:nvPr>
            <p:ph type="ftr" sz="quarter" idx="7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8FF5BD7F-3FAB-49C1-8597-3F079ED000BD}"/>
              </a:ext>
            </a:extLst>
          </p:cNvPr>
          <p:cNvSpPr>
            <a:spLocks noGrp="1"/>
          </p:cNvSpPr>
          <p:nvPr>
            <p:ph type="sldNum" sz="quarter" idx="7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61217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9BC021A1-BEBE-4F29-9D5F-0949E130E05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C1546D-FBB2-4471-9821-BA6F00EF1C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68338" y="1484312"/>
            <a:ext cx="10853737" cy="4462463"/>
          </a:xfrm>
        </p:spPr>
        <p:txBody>
          <a:bodyPr lIns="0"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9" name="Date Placeholder 28" hidden="1">
            <a:extLst>
              <a:ext uri="{FF2B5EF4-FFF2-40B4-BE49-F238E27FC236}">
                <a16:creationId xmlns:a16="http://schemas.microsoft.com/office/drawing/2014/main" id="{D5927AA3-7F37-4DBC-99CA-5AFAE2CA2C59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fld id="{609B0269-B4D0-4830-8460-767BF9454426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30" name="Footer Placeholder 29" hidden="1">
            <a:extLst>
              <a:ext uri="{FF2B5EF4-FFF2-40B4-BE49-F238E27FC236}">
                <a16:creationId xmlns:a16="http://schemas.microsoft.com/office/drawing/2014/main" id="{F4FC2831-2A63-4537-9DD8-18DA9D4F85D0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09640613-5E67-413F-BC1F-8C0FDA26B43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15D6ED72-736F-440D-A246-E8F4428B0D0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8" y="6164263"/>
            <a:ext cx="7164387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3245554421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8D3F4F-2385-4A1C-99A6-32BA02D867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6D9295C-4536-46AE-9249-974FFB7942AE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668336" y="1484312"/>
            <a:ext cx="5320800" cy="4462185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64DD7D6-B10B-44F8-B95D-1A64AC980B6B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02799" y="1484313"/>
            <a:ext cx="5320800" cy="4462184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937566BE-B3A1-4959-912D-2761CD3A543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F2562FCD-8ACC-4FB9-89B5-2103D574A7A5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fld id="{3A482034-B52E-4A8F-AA55-38A731D55FFF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B7354F1C-E78B-4581-9C63-D720A9742F3C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796BA1CA-98FC-4747-A9BD-1D48E717E26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8413497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 1">
            <a:extLst>
              <a:ext uri="{FF2B5EF4-FFF2-40B4-BE49-F238E27FC236}">
                <a16:creationId xmlns:a16="http://schemas.microsoft.com/office/drawing/2014/main" id="{E25782E4-4439-422E-895B-CBCDDC442E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063062B-A1D5-4FD5-8DAF-6A7E721191E3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668337" y="1483200"/>
            <a:ext cx="5320800" cy="3641723"/>
          </a:xfrm>
          <a:noFill/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49200C1-5919-47A5-B705-CBF295B24839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02800" y="1483200"/>
            <a:ext cx="5320800" cy="3641723"/>
          </a:xfrm>
          <a:noFill/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2" name="Content Placeholder 70">
            <a:extLst>
              <a:ext uri="{FF2B5EF4-FFF2-40B4-BE49-F238E27FC236}">
                <a16:creationId xmlns:a16="http://schemas.microsoft.com/office/drawing/2014/main" id="{EC104F37-B3F1-4B6D-8A87-7E8BDCD9B49B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8338" y="5331600"/>
            <a:ext cx="10854998" cy="61835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>
                <a:solidFill>
                  <a:schemeClr val="tx1"/>
                </a:solidFill>
              </a:defRPr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5" name="Subtitle 2">
            <a:extLst>
              <a:ext uri="{FF2B5EF4-FFF2-40B4-BE49-F238E27FC236}">
                <a16:creationId xmlns:a16="http://schemas.microsoft.com/office/drawing/2014/main" id="{FC6A1100-FB74-40F5-9BC0-342439A7900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13" name="Date Placeholder 12" hidden="1">
            <a:extLst>
              <a:ext uri="{FF2B5EF4-FFF2-40B4-BE49-F238E27FC236}">
                <a16:creationId xmlns:a16="http://schemas.microsoft.com/office/drawing/2014/main" id="{EC82958E-98E5-41CD-A349-15B179A8D75A}"/>
              </a:ext>
            </a:extLst>
          </p:cNvPr>
          <p:cNvSpPr>
            <a:spLocks noGrp="1"/>
          </p:cNvSpPr>
          <p:nvPr>
            <p:ph type="dt" sz="half" idx="42"/>
          </p:nvPr>
        </p:nvSpPr>
        <p:spPr/>
        <p:txBody>
          <a:bodyPr/>
          <a:lstStyle/>
          <a:p>
            <a:fld id="{1ACB8A84-E6A8-4B9C-AF1E-CCE9609AA9EB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4" name="Footer Placeholder 13" hidden="1">
            <a:extLst>
              <a:ext uri="{FF2B5EF4-FFF2-40B4-BE49-F238E27FC236}">
                <a16:creationId xmlns:a16="http://schemas.microsoft.com/office/drawing/2014/main" id="{8FDB7848-288D-4A5F-BC5F-C6E1D1BCA9E2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B721AA1E-647D-4896-B4CC-F199D4349FF3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462017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 1">
            <a:extLst>
              <a:ext uri="{FF2B5EF4-FFF2-40B4-BE49-F238E27FC236}">
                <a16:creationId xmlns:a16="http://schemas.microsoft.com/office/drawing/2014/main" id="{E25782E4-4439-422E-895B-CBCDDC442E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063062B-A1D5-4FD5-8DAF-6A7E721191E3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668337" y="2308225"/>
            <a:ext cx="5320800" cy="3641723"/>
          </a:xfrm>
          <a:noFill/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49200C1-5919-47A5-B705-CBF295B24839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02800" y="2308225"/>
            <a:ext cx="5320800" cy="3641723"/>
          </a:xfrm>
          <a:noFill/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6" name="Content Placeholder 70">
            <a:extLst>
              <a:ext uri="{FF2B5EF4-FFF2-40B4-BE49-F238E27FC236}">
                <a16:creationId xmlns:a16="http://schemas.microsoft.com/office/drawing/2014/main" id="{A9A98E42-E07A-478A-A82F-F440F4DA03B5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9600" y="1483200"/>
            <a:ext cx="10853736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7" name="Subtitle 2">
            <a:extLst>
              <a:ext uri="{FF2B5EF4-FFF2-40B4-BE49-F238E27FC236}">
                <a16:creationId xmlns:a16="http://schemas.microsoft.com/office/drawing/2014/main" id="{BE460F70-71B8-42F2-B9C6-BF4D9BE83E4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13" name="Date Placeholder 12" hidden="1">
            <a:extLst>
              <a:ext uri="{FF2B5EF4-FFF2-40B4-BE49-F238E27FC236}">
                <a16:creationId xmlns:a16="http://schemas.microsoft.com/office/drawing/2014/main" id="{EC82958E-98E5-41CD-A349-15B179A8D75A}"/>
              </a:ext>
            </a:extLst>
          </p:cNvPr>
          <p:cNvSpPr>
            <a:spLocks noGrp="1"/>
          </p:cNvSpPr>
          <p:nvPr>
            <p:ph type="dt" sz="half" idx="42"/>
          </p:nvPr>
        </p:nvSpPr>
        <p:spPr/>
        <p:txBody>
          <a:bodyPr/>
          <a:lstStyle/>
          <a:p>
            <a:fld id="{19749276-4057-4296-8F7D-1A9161BE77EE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4" name="Footer Placeholder 13" hidden="1">
            <a:extLst>
              <a:ext uri="{FF2B5EF4-FFF2-40B4-BE49-F238E27FC236}">
                <a16:creationId xmlns:a16="http://schemas.microsoft.com/office/drawing/2014/main" id="{8FDB7848-288D-4A5F-BC5F-C6E1D1BCA9E2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B721AA1E-647D-4896-B4CC-F199D4349FF3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3526831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 gra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D0018E31-CB4B-4F76-9836-FA7E3DA655B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895032-E0CA-42C7-AB00-83E5E18F653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69600" y="2307599"/>
            <a:ext cx="5320800" cy="446400"/>
          </a:xfrm>
          <a:solidFill>
            <a:srgbClr val="EBEBEB"/>
          </a:solidFill>
          <a:ln>
            <a:solidFill>
              <a:srgbClr val="CCCCCC"/>
            </a:solidFill>
          </a:ln>
        </p:spPr>
        <p:txBody>
          <a:bodyPr lIns="180000" tIns="180000" rIns="90000" bIns="180000" anchor="ctr" anchorCtr="0"/>
          <a:lstStyle>
            <a:lvl1pPr marL="0" indent="0">
              <a:spcAft>
                <a:spcPts val="0"/>
              </a:spcAft>
              <a:buNone/>
              <a:defRPr sz="1400" b="1" cap="all" baseline="0">
                <a:solidFill>
                  <a:schemeClr val="accent2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050F07-2463-4813-AEFE-D9B5A33F0CA5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69600" y="2754000"/>
            <a:ext cx="5320800" cy="3196800"/>
          </a:xfrm>
          <a:ln>
            <a:solidFill>
              <a:srgbClr val="CCCCCC"/>
            </a:solidFill>
          </a:ln>
        </p:spPr>
        <p:txBody>
          <a:bodyPr lIns="180000" tIns="180000" rIns="90000" bIns="180000"/>
          <a:lstStyle>
            <a:lvl5pPr>
              <a:defRPr/>
            </a:lvl5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1538825-A5C3-42CB-9883-A4B3FA499439}"/>
              </a:ext>
            </a:extLst>
          </p:cNvPr>
          <p:cNvSpPr>
            <a:spLocks noGrp="1"/>
          </p:cNvSpPr>
          <p:nvPr>
            <p:ph type="body" sz="quarter" idx="3" hasCustomPrompt="1"/>
          </p:nvPr>
        </p:nvSpPr>
        <p:spPr>
          <a:xfrm>
            <a:off x="6202800" y="2307599"/>
            <a:ext cx="5320800" cy="446400"/>
          </a:xfrm>
          <a:solidFill>
            <a:srgbClr val="EBEBEB"/>
          </a:solidFill>
          <a:ln>
            <a:solidFill>
              <a:srgbClr val="CCCCCC"/>
            </a:solidFill>
          </a:ln>
        </p:spPr>
        <p:txBody>
          <a:bodyPr lIns="180000" tIns="180000" rIns="90000" bIns="180000" anchor="ctr" anchorCtr="0"/>
          <a:lstStyle>
            <a:lvl1pPr marL="0" indent="0">
              <a:buNone/>
              <a:defRPr sz="1400" b="1" cap="all" baseline="0">
                <a:solidFill>
                  <a:schemeClr val="accent2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D9A783D-6495-43FC-82BC-B01556240F54}"/>
              </a:ext>
            </a:extLst>
          </p:cNvPr>
          <p:cNvSpPr>
            <a:spLocks noGrp="1"/>
          </p:cNvSpPr>
          <p:nvPr>
            <p:ph sz="quarter" idx="4" hasCustomPrompt="1"/>
          </p:nvPr>
        </p:nvSpPr>
        <p:spPr>
          <a:xfrm>
            <a:off x="6202800" y="2754000"/>
            <a:ext cx="5320800" cy="3196800"/>
          </a:xfrm>
          <a:ln>
            <a:solidFill>
              <a:srgbClr val="CCCCCC"/>
            </a:solidFill>
          </a:ln>
        </p:spPr>
        <p:txBody>
          <a:bodyPr lIns="180000" tIns="180000" rIns="90000" bIns="18000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70">
            <a:extLst>
              <a:ext uri="{FF2B5EF4-FFF2-40B4-BE49-F238E27FC236}">
                <a16:creationId xmlns:a16="http://schemas.microsoft.com/office/drawing/2014/main" id="{F058EF14-92FE-4BF1-9577-E66452CFCD36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9600" y="1483200"/>
            <a:ext cx="10853736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ADAD0121-9B90-4A9A-A6E7-78D50F78FD7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ADB07F46-B3CD-49D6-A392-D7B6346F24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7B996AA-F67A-4F57-8AC8-0934A433F98B}" type="datetime4">
              <a:rPr lang="en-US" smtClean="0"/>
              <a:t>May 24, 2022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187220C6-12B9-42AF-8256-A9B7CC9A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85302B1-EFFC-43C8-B35D-E0D4FE7756C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B82EB86-46F6-4FD5-8E2E-F42CFB644776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198553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F844844-3F01-473E-A459-9EDEF3D28A8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Content Placeholder 22">
            <a:extLst>
              <a:ext uri="{FF2B5EF4-FFF2-40B4-BE49-F238E27FC236}">
                <a16:creationId xmlns:a16="http://schemas.microsoft.com/office/drawing/2014/main" id="{541C05B6-ECB3-4036-AEE1-478221D9498C}"/>
              </a:ext>
            </a:extLst>
          </p:cNvPr>
          <p:cNvSpPr>
            <a:spLocks noGrp="1"/>
          </p:cNvSpPr>
          <p:nvPr>
            <p:ph sz="quarter" idx="78" hasCustomPrompt="1"/>
          </p:nvPr>
        </p:nvSpPr>
        <p:spPr>
          <a:xfrm>
            <a:off x="668338" y="1484312"/>
            <a:ext cx="3473450" cy="3906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78BBB8AA-D7F2-4C78-A6AA-08292DCE957F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669599" y="5481950"/>
            <a:ext cx="3474000" cy="468000"/>
          </a:xfrm>
        </p:spPr>
        <p:txBody>
          <a:bodyPr/>
          <a:lstStyle>
            <a:lvl1pPr marL="0" indent="0">
              <a:buNone/>
              <a:defRPr/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7" name="Content Placeholder 26">
            <a:extLst>
              <a:ext uri="{FF2B5EF4-FFF2-40B4-BE49-F238E27FC236}">
                <a16:creationId xmlns:a16="http://schemas.microsoft.com/office/drawing/2014/main" id="{5298426C-2DA9-4D00-8DE4-87F65C6F5F5F}"/>
              </a:ext>
            </a:extLst>
          </p:cNvPr>
          <p:cNvSpPr>
            <a:spLocks noGrp="1"/>
          </p:cNvSpPr>
          <p:nvPr>
            <p:ph sz="quarter" idx="80" hasCustomPrompt="1"/>
          </p:nvPr>
        </p:nvSpPr>
        <p:spPr>
          <a:xfrm>
            <a:off x="4357688" y="1484311"/>
            <a:ext cx="3475037" cy="3906000"/>
          </a:xfrm>
        </p:spPr>
        <p:txBody>
          <a:bodyPr lIns="0" tIns="0" rIns="0" bIns="0"/>
          <a:lstStyle>
            <a:lvl1pPr marL="180000" indent="-180000">
              <a:buFont typeface="Arial" panose="020B0604020202020204" pitchFamily="34" charset="0"/>
              <a:buChar char="•"/>
              <a:defRPr/>
            </a:lvl1pPr>
            <a:lvl2pPr marL="360000" indent="-180000">
              <a:buFont typeface="Calibri" panose="020F0502020204030204" pitchFamily="34" charset="0"/>
              <a:buChar char="-"/>
              <a:defRPr/>
            </a:lvl2pPr>
            <a:lvl3pPr marL="540000" indent="-180000">
              <a:buFont typeface="Calibri" panose="020F0502020204030204" pitchFamily="34" charset="0"/>
              <a:buChar char="-"/>
              <a:defRPr/>
            </a:lvl3pPr>
            <a:lvl4pPr marL="720000" indent="-180000">
              <a:buFont typeface="Calibri" panose="020F0502020204030204" pitchFamily="34" charset="0"/>
              <a:buChar char="-"/>
              <a:defRPr/>
            </a:lvl4pPr>
            <a:lvl5pPr marL="0" indent="0">
              <a:buFont typeface="Arial" panose="020B0604020202020204" pitchFamily="34" charset="0"/>
              <a:buChar char="​"/>
              <a:defRPr/>
            </a:lvl5pPr>
            <a:lvl6pPr marL="0" indent="0">
              <a:buFont typeface="Arial" panose="020B0604020202020204" pitchFamily="34" charset="0"/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endParaRPr lang="en-US" dirty="0"/>
          </a:p>
        </p:txBody>
      </p:sp>
      <p:sp>
        <p:nvSpPr>
          <p:cNvPr id="29" name="Text Placeholder 28">
            <a:extLst>
              <a:ext uri="{FF2B5EF4-FFF2-40B4-BE49-F238E27FC236}">
                <a16:creationId xmlns:a16="http://schemas.microsoft.com/office/drawing/2014/main" id="{9B8589AB-B6DD-4D12-AD88-72CAB5025378}"/>
              </a:ext>
            </a:extLst>
          </p:cNvPr>
          <p:cNvSpPr>
            <a:spLocks noGrp="1"/>
          </p:cNvSpPr>
          <p:nvPr>
            <p:ph type="body" sz="quarter" idx="81" hasCustomPrompt="1"/>
          </p:nvPr>
        </p:nvSpPr>
        <p:spPr>
          <a:xfrm>
            <a:off x="4359600" y="5481950"/>
            <a:ext cx="3474000" cy="46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1" name="Content Placeholder 30">
            <a:extLst>
              <a:ext uri="{FF2B5EF4-FFF2-40B4-BE49-F238E27FC236}">
                <a16:creationId xmlns:a16="http://schemas.microsoft.com/office/drawing/2014/main" id="{F768C3B4-2BD6-4A04-BFD1-A68B8C112230}"/>
              </a:ext>
            </a:extLst>
          </p:cNvPr>
          <p:cNvSpPr>
            <a:spLocks noGrp="1"/>
          </p:cNvSpPr>
          <p:nvPr>
            <p:ph sz="quarter" idx="82" hasCustomPrompt="1"/>
          </p:nvPr>
        </p:nvSpPr>
        <p:spPr>
          <a:xfrm>
            <a:off x="8049600" y="1487219"/>
            <a:ext cx="3474000" cy="3906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0A79F34A-A1D0-4653-AA75-A242E34833B1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49600" y="5481950"/>
            <a:ext cx="3473450" cy="468000"/>
          </a:xfrm>
        </p:spPr>
        <p:txBody>
          <a:bodyPr/>
          <a:lstStyle>
            <a:lvl1pPr marL="0" indent="0">
              <a:buNone/>
              <a:defRPr/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18725156-8897-461F-B43E-C5CB7B1DACD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ADB07F46-B3CD-49D6-A392-D7B6346F24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8354FEF-8A3C-4B8D-96E2-BB517AB284FD}" type="datetime4">
              <a:rPr lang="en-US" smtClean="0"/>
              <a:t>May 24, 2022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187220C6-12B9-42AF-8256-A9B7CC9A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85302B1-EFFC-43C8-B35D-E0D4FE7756C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8B82EB86-46F6-4FD5-8E2E-F42CFB64477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079024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D0018E31-CB4B-4F76-9836-FA7E3DA655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770" y="368301"/>
            <a:ext cx="10853306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050F07-2463-4813-AEFE-D9B5A33F0CA5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68337" y="1484313"/>
            <a:ext cx="3473451" cy="21276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D9A783D-6495-43FC-82BC-B01556240F54}"/>
              </a:ext>
            </a:extLst>
          </p:cNvPr>
          <p:cNvSpPr>
            <a:spLocks noGrp="1"/>
          </p:cNvSpPr>
          <p:nvPr>
            <p:ph sz="quarter" idx="4" hasCustomPrompt="1"/>
          </p:nvPr>
        </p:nvSpPr>
        <p:spPr>
          <a:xfrm>
            <a:off x="4357688" y="1484313"/>
            <a:ext cx="3473450" cy="21276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Content Placeholder 7">
            <a:extLst>
              <a:ext uri="{FF2B5EF4-FFF2-40B4-BE49-F238E27FC236}">
                <a16:creationId xmlns:a16="http://schemas.microsoft.com/office/drawing/2014/main" id="{82FB4A73-256A-4C34-B3FF-A2F7942B5304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048625" y="1484313"/>
            <a:ext cx="3475036" cy="21276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C7CEB117-C2EA-4B80-8AF8-F2B1238A1A2F}"/>
              </a:ext>
            </a:extLst>
          </p:cNvPr>
          <p:cNvSpPr>
            <a:spLocks noGrp="1"/>
          </p:cNvSpPr>
          <p:nvPr>
            <p:ph sz="quarter" idx="94" hasCustomPrompt="1"/>
          </p:nvPr>
        </p:nvSpPr>
        <p:spPr>
          <a:xfrm>
            <a:off x="668337" y="3822350"/>
            <a:ext cx="3475036" cy="212760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47654DB4-7570-40B3-8866-21F86282CBEC}"/>
              </a:ext>
            </a:extLst>
          </p:cNvPr>
          <p:cNvSpPr>
            <a:spLocks noGrp="1"/>
          </p:cNvSpPr>
          <p:nvPr>
            <p:ph sz="quarter" idx="95" hasCustomPrompt="1"/>
          </p:nvPr>
        </p:nvSpPr>
        <p:spPr>
          <a:xfrm>
            <a:off x="4359276" y="3822350"/>
            <a:ext cx="3473449" cy="212760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24421B9D-12B6-4589-BA6E-423F38B8676B}"/>
              </a:ext>
            </a:extLst>
          </p:cNvPr>
          <p:cNvSpPr>
            <a:spLocks noGrp="1"/>
          </p:cNvSpPr>
          <p:nvPr>
            <p:ph sz="quarter" idx="96" hasCustomPrompt="1"/>
          </p:nvPr>
        </p:nvSpPr>
        <p:spPr>
          <a:xfrm>
            <a:off x="8048623" y="3822350"/>
            <a:ext cx="3473449" cy="212760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ADB07F46-B3CD-49D6-A392-D7B6346F24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76DA9CE-1B62-4375-8DC3-AAB9741E03BC}" type="datetime4">
              <a:rPr lang="en-US" smtClean="0"/>
              <a:t>May 24, 2022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187220C6-12B9-42AF-8256-A9B7CC9A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ACC72A92-0F56-4321-8001-31BD2AE7117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8" y="6164263"/>
            <a:ext cx="8086725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85302B1-EFFC-43C8-B35D-E0D4FE7756C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8B82EB86-46F6-4FD5-8E2E-F42CFB64477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48796670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du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B41607-D802-4692-A883-5CEA6ED4F0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A018C066-FCF0-4B88-89D7-E97369EEE75E}"/>
              </a:ext>
            </a:extLst>
          </p:cNvPr>
          <p:cNvSpPr>
            <a:spLocks noGrp="1"/>
          </p:cNvSpPr>
          <p:nvPr>
            <p:ph type="pic" sz="quarter" idx="45" hasCustomPrompt="1"/>
          </p:nvPr>
        </p:nvSpPr>
        <p:spPr>
          <a:xfrm>
            <a:off x="2025640" y="3321050"/>
            <a:ext cx="2005012" cy="10922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6" name="Picture Placeholder 2">
            <a:extLst>
              <a:ext uri="{FF2B5EF4-FFF2-40B4-BE49-F238E27FC236}">
                <a16:creationId xmlns:a16="http://schemas.microsoft.com/office/drawing/2014/main" id="{9B3E2DDE-D46B-4367-860F-257C8F9BCC1D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2026143" y="4753778"/>
            <a:ext cx="2005012" cy="10922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8" name="Picture Placeholder 3">
            <a:extLst>
              <a:ext uri="{FF2B5EF4-FFF2-40B4-BE49-F238E27FC236}">
                <a16:creationId xmlns:a16="http://schemas.microsoft.com/office/drawing/2014/main" id="{A2C50FC5-8B67-45CA-8AD7-99A75EB2C7D6}"/>
              </a:ext>
            </a:extLst>
          </p:cNvPr>
          <p:cNvSpPr>
            <a:spLocks noGrp="1"/>
          </p:cNvSpPr>
          <p:nvPr>
            <p:ph type="pic" sz="quarter" idx="48" hasCustomPrompt="1"/>
          </p:nvPr>
        </p:nvSpPr>
        <p:spPr>
          <a:xfrm>
            <a:off x="4523116" y="3321050"/>
            <a:ext cx="2005012" cy="10922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4B856783-94CB-420D-8A2D-89B89FC7636A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4523116" y="4753778"/>
            <a:ext cx="2005012" cy="10922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1" name="Picture Placeholder 5">
            <a:extLst>
              <a:ext uri="{FF2B5EF4-FFF2-40B4-BE49-F238E27FC236}">
                <a16:creationId xmlns:a16="http://schemas.microsoft.com/office/drawing/2014/main" id="{3824118E-28C0-4F5C-94AD-3041400F32D3}"/>
              </a:ext>
            </a:extLst>
          </p:cNvPr>
          <p:cNvSpPr>
            <a:spLocks noGrp="1"/>
          </p:cNvSpPr>
          <p:nvPr>
            <p:ph type="pic" sz="quarter" idx="51" hasCustomPrompt="1"/>
          </p:nvPr>
        </p:nvSpPr>
        <p:spPr>
          <a:xfrm>
            <a:off x="7020089" y="3321050"/>
            <a:ext cx="2005012" cy="10922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  <a:p>
            <a:endParaRPr lang="en-US" dirty="0"/>
          </a:p>
        </p:txBody>
      </p:sp>
      <p:sp>
        <p:nvSpPr>
          <p:cNvPr id="32" name="Picture Placeholder 6">
            <a:extLst>
              <a:ext uri="{FF2B5EF4-FFF2-40B4-BE49-F238E27FC236}">
                <a16:creationId xmlns:a16="http://schemas.microsoft.com/office/drawing/2014/main" id="{42A7CC4B-685D-48BB-93EA-FEF03DA3664D}"/>
              </a:ext>
            </a:extLst>
          </p:cNvPr>
          <p:cNvSpPr>
            <a:spLocks noGrp="1"/>
          </p:cNvSpPr>
          <p:nvPr>
            <p:ph type="pic" sz="quarter" idx="52" hasCustomPrompt="1"/>
          </p:nvPr>
        </p:nvSpPr>
        <p:spPr>
          <a:xfrm>
            <a:off x="7020089" y="4753778"/>
            <a:ext cx="2005012" cy="10922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  <a:p>
            <a:endParaRPr lang="en-US" dirty="0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ABEE4E7A-3198-40EC-B331-FDB2ABD0713E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9517063" y="3321050"/>
            <a:ext cx="2005012" cy="10922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  <a:p>
            <a:endParaRPr lang="en-US" dirty="0"/>
          </a:p>
        </p:txBody>
      </p:sp>
      <p:sp>
        <p:nvSpPr>
          <p:cNvPr id="35" name="Picture Placeholder 8">
            <a:extLst>
              <a:ext uri="{FF2B5EF4-FFF2-40B4-BE49-F238E27FC236}">
                <a16:creationId xmlns:a16="http://schemas.microsoft.com/office/drawing/2014/main" id="{7B361A12-5BEF-4428-813B-D3D874463929}"/>
              </a:ext>
            </a:extLst>
          </p:cNvPr>
          <p:cNvSpPr>
            <a:spLocks noGrp="1"/>
          </p:cNvSpPr>
          <p:nvPr>
            <p:ph type="pic" sz="quarter" idx="55" hasCustomPrompt="1"/>
          </p:nvPr>
        </p:nvSpPr>
        <p:spPr>
          <a:xfrm>
            <a:off x="9517063" y="4753778"/>
            <a:ext cx="2005012" cy="10922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  <a:p>
            <a:endParaRPr lang="en-US" dirty="0"/>
          </a:p>
        </p:txBody>
      </p:sp>
      <p:sp>
        <p:nvSpPr>
          <p:cNvPr id="46" name="Text Placeholder 4">
            <a:extLst>
              <a:ext uri="{FF2B5EF4-FFF2-40B4-BE49-F238E27FC236}">
                <a16:creationId xmlns:a16="http://schemas.microsoft.com/office/drawing/2014/main" id="{26464B0D-6EA8-4D0F-B193-EF6FDE747A9B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68339" y="3507150"/>
            <a:ext cx="1114068" cy="720000"/>
          </a:xfrm>
        </p:spPr>
        <p:txBody>
          <a:bodyPr anchor="ctr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47" name="Text Placeholder 15">
            <a:extLst>
              <a:ext uri="{FF2B5EF4-FFF2-40B4-BE49-F238E27FC236}">
                <a16:creationId xmlns:a16="http://schemas.microsoft.com/office/drawing/2014/main" id="{93602CB8-F9A2-4495-8B91-7E35CA9C3B57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68338" y="4939878"/>
            <a:ext cx="1114068" cy="720000"/>
          </a:xfrm>
        </p:spPr>
        <p:txBody>
          <a:bodyPr anchor="ctr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48" name="Text Placeholder 21">
            <a:extLst>
              <a:ext uri="{FF2B5EF4-FFF2-40B4-BE49-F238E27FC236}">
                <a16:creationId xmlns:a16="http://schemas.microsoft.com/office/drawing/2014/main" id="{3FB61335-217D-47E7-AE17-B2283F221E06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2025638" y="2412000"/>
            <a:ext cx="2005200" cy="79200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9" name="Text Placeholder 32">
            <a:extLst>
              <a:ext uri="{FF2B5EF4-FFF2-40B4-BE49-F238E27FC236}">
                <a16:creationId xmlns:a16="http://schemas.microsoft.com/office/drawing/2014/main" id="{E101CFE4-643B-497D-A2F4-EAE4470CFBF1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4522416" y="2412000"/>
            <a:ext cx="2005200" cy="79200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50" name="Text Placeholder 38">
            <a:extLst>
              <a:ext uri="{FF2B5EF4-FFF2-40B4-BE49-F238E27FC236}">
                <a16:creationId xmlns:a16="http://schemas.microsoft.com/office/drawing/2014/main" id="{1BFB43B7-DD0D-429A-9DB1-F6AB7A3CEA4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7019646" y="2412000"/>
            <a:ext cx="2005200" cy="79200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51" name="Text Placeholder 62">
            <a:extLst>
              <a:ext uri="{FF2B5EF4-FFF2-40B4-BE49-F238E27FC236}">
                <a16:creationId xmlns:a16="http://schemas.microsoft.com/office/drawing/2014/main" id="{16317A8A-1334-43DD-BADD-365A591F0E3A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9516875" y="2412000"/>
            <a:ext cx="2005200" cy="79200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52" name="Content Placeholder 70">
            <a:extLst>
              <a:ext uri="{FF2B5EF4-FFF2-40B4-BE49-F238E27FC236}">
                <a16:creationId xmlns:a16="http://schemas.microsoft.com/office/drawing/2014/main" id="{92DF1879-4D07-41D7-8390-FBE4B1F9CFD8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9600" y="1483200"/>
            <a:ext cx="10853736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53" name="Subtitle 2">
            <a:extLst>
              <a:ext uri="{FF2B5EF4-FFF2-40B4-BE49-F238E27FC236}">
                <a16:creationId xmlns:a16="http://schemas.microsoft.com/office/drawing/2014/main" id="{4D121F46-CE55-4791-8008-E20718843B5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29A34E74-74D4-4DD7-99D4-2965A670985D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/>
          <a:p>
            <a:fld id="{7A06EAC1-0577-48D3-AF54-04F608D4CF71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5423D940-D194-49FF-A944-0866C258FF21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DDC9E7-6895-48D1-857D-CCF395DE6467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6151460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roduc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6BE0E5-31DC-4004-AAD9-64C969B51C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A018C066-FCF0-4B88-89D7-E97369EEE75E}"/>
              </a:ext>
            </a:extLst>
          </p:cNvPr>
          <p:cNvSpPr>
            <a:spLocks noGrp="1"/>
          </p:cNvSpPr>
          <p:nvPr>
            <p:ph type="pic" sz="quarter" idx="45" hasCustomPrompt="1"/>
          </p:nvPr>
        </p:nvSpPr>
        <p:spPr>
          <a:xfrm>
            <a:off x="668338" y="2307600"/>
            <a:ext cx="27684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1355BD2-06B5-414E-913A-4A561211BF3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68338" y="4096800"/>
            <a:ext cx="2768400" cy="432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E5C8017-9AEC-448F-9D43-F58F4B7AF60F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8338" y="4614752"/>
            <a:ext cx="2768400" cy="1336048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214EB22C-7DB5-4D17-A456-0437F9691065}"/>
              </a:ext>
            </a:extLst>
          </p:cNvPr>
          <p:cNvSpPr>
            <a:spLocks noGrp="1"/>
          </p:cNvSpPr>
          <p:nvPr>
            <p:ph type="pic" sz="quarter" idx="48" hasCustomPrompt="1"/>
          </p:nvPr>
        </p:nvSpPr>
        <p:spPr>
          <a:xfrm>
            <a:off x="4711700" y="2307600"/>
            <a:ext cx="27684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4DA60073-301C-4ACD-AD76-73B27ECAEE56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4711700" y="4094836"/>
            <a:ext cx="2768400" cy="432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36211FE-94E5-4B2C-843E-D6CD6903806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4711700" y="4614752"/>
            <a:ext cx="2768400" cy="1336048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9" name="Picture Placeholder 3">
            <a:extLst>
              <a:ext uri="{FF2B5EF4-FFF2-40B4-BE49-F238E27FC236}">
                <a16:creationId xmlns:a16="http://schemas.microsoft.com/office/drawing/2014/main" id="{7CF63A38-13D1-45B7-AFC6-633818242AA6}"/>
              </a:ext>
            </a:extLst>
          </p:cNvPr>
          <p:cNvSpPr>
            <a:spLocks noGrp="1"/>
          </p:cNvSpPr>
          <p:nvPr>
            <p:ph type="pic" sz="quarter" idx="51" hasCustomPrompt="1"/>
          </p:nvPr>
        </p:nvSpPr>
        <p:spPr>
          <a:xfrm>
            <a:off x="8755063" y="2307600"/>
            <a:ext cx="27684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91B70085-090A-429B-9A83-C275302EC677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8755063" y="4094836"/>
            <a:ext cx="2768400" cy="432000"/>
          </a:xfrm>
        </p:spPr>
        <p:txBody>
          <a:bodyPr anchor="b" anchorCtr="0"/>
          <a:lstStyle>
            <a:lvl1pPr marL="0" indent="0"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EF27F5E7-91AF-4409-B7C9-B33888E9C12F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8755063" y="4614752"/>
            <a:ext cx="2768400" cy="1336048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3" name="Content Placeholder 70">
            <a:extLst>
              <a:ext uri="{FF2B5EF4-FFF2-40B4-BE49-F238E27FC236}">
                <a16:creationId xmlns:a16="http://schemas.microsoft.com/office/drawing/2014/main" id="{970AD01D-9584-4E26-B94B-A3880A0F08A9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9600" y="1483200"/>
            <a:ext cx="10853736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4" name="Subtitle 2">
            <a:extLst>
              <a:ext uri="{FF2B5EF4-FFF2-40B4-BE49-F238E27FC236}">
                <a16:creationId xmlns:a16="http://schemas.microsoft.com/office/drawing/2014/main" id="{3D210896-9723-48BB-AB25-B2777FA244B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39B9B15F-58EF-49C3-9225-2A1B6EE35631}"/>
              </a:ext>
            </a:extLst>
          </p:cNvPr>
          <p:cNvSpPr>
            <a:spLocks noGrp="1"/>
          </p:cNvSpPr>
          <p:nvPr>
            <p:ph type="dt" sz="half" idx="58"/>
          </p:nvPr>
        </p:nvSpPr>
        <p:spPr/>
        <p:txBody>
          <a:bodyPr/>
          <a:lstStyle/>
          <a:p>
            <a:fld id="{F0EDD6B3-D6C5-43A2-B94B-274860899744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1F929FC-1811-4F0F-9AFC-ACAE32E8FD00}"/>
              </a:ext>
            </a:extLst>
          </p:cNvPr>
          <p:cNvSpPr>
            <a:spLocks noGrp="1"/>
          </p:cNvSpPr>
          <p:nvPr>
            <p:ph type="ftr" sz="quarter" idx="5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E7A02E-E6D6-4132-88A1-0CFC8766127C}"/>
              </a:ext>
            </a:extLst>
          </p:cNvPr>
          <p:cNvSpPr>
            <a:spLocks noGrp="1"/>
          </p:cNvSpPr>
          <p:nvPr>
            <p:ph type="sldNum" sz="quarter" idx="60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98027727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roduc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6BE0E5-31DC-4004-AAD9-64C969B51C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A018C066-FCF0-4B88-89D7-E97369EEE75E}"/>
              </a:ext>
            </a:extLst>
          </p:cNvPr>
          <p:cNvSpPr>
            <a:spLocks noGrp="1"/>
          </p:cNvSpPr>
          <p:nvPr>
            <p:ph type="pic" sz="quarter" idx="45" hasCustomPrompt="1"/>
          </p:nvPr>
        </p:nvSpPr>
        <p:spPr>
          <a:xfrm>
            <a:off x="668338" y="2307600"/>
            <a:ext cx="25524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1355BD2-06B5-414E-913A-4A561211BF3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68338" y="4096800"/>
            <a:ext cx="2552400" cy="432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E5C8017-9AEC-448F-9D43-F58F4B7AF60F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8338" y="4614752"/>
            <a:ext cx="2552400" cy="1335198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214EB22C-7DB5-4D17-A456-0437F9691065}"/>
              </a:ext>
            </a:extLst>
          </p:cNvPr>
          <p:cNvSpPr>
            <a:spLocks noGrp="1"/>
          </p:cNvSpPr>
          <p:nvPr>
            <p:ph type="pic" sz="quarter" idx="48" hasCustomPrompt="1"/>
          </p:nvPr>
        </p:nvSpPr>
        <p:spPr>
          <a:xfrm>
            <a:off x="3436138" y="2307600"/>
            <a:ext cx="25524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4DA60073-301C-4ACD-AD76-73B27ECAEE56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3436138" y="4096800"/>
            <a:ext cx="2552400" cy="432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36211FE-94E5-4B2C-843E-D6CD6903806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3436138" y="4613902"/>
            <a:ext cx="2552400" cy="1336048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9" name="Picture Placeholder 3">
            <a:extLst>
              <a:ext uri="{FF2B5EF4-FFF2-40B4-BE49-F238E27FC236}">
                <a16:creationId xmlns:a16="http://schemas.microsoft.com/office/drawing/2014/main" id="{7CF63A38-13D1-45B7-AFC6-633818242AA6}"/>
              </a:ext>
            </a:extLst>
          </p:cNvPr>
          <p:cNvSpPr>
            <a:spLocks noGrp="1"/>
          </p:cNvSpPr>
          <p:nvPr>
            <p:ph type="pic" sz="quarter" idx="51" hasCustomPrompt="1"/>
          </p:nvPr>
        </p:nvSpPr>
        <p:spPr>
          <a:xfrm>
            <a:off x="6206892" y="2307600"/>
            <a:ext cx="25524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91B70085-090A-429B-9A83-C275302EC677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6206892" y="4096800"/>
            <a:ext cx="2552400" cy="432000"/>
          </a:xfrm>
        </p:spPr>
        <p:txBody>
          <a:bodyPr anchor="b" anchorCtr="0"/>
          <a:lstStyle>
            <a:lvl1pPr marL="0" indent="0"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EF27F5E7-91AF-4409-B7C9-B33888E9C12F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6206892" y="4613902"/>
            <a:ext cx="2552400" cy="1336048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3" name="Picture Placeholder 4">
            <a:extLst>
              <a:ext uri="{FF2B5EF4-FFF2-40B4-BE49-F238E27FC236}">
                <a16:creationId xmlns:a16="http://schemas.microsoft.com/office/drawing/2014/main" id="{97CD6732-9694-4AB5-A58A-E66BC69948B4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8970963" y="2307600"/>
            <a:ext cx="2551112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1FEE78-99AC-4BF8-A114-A75DF4C7C9D6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8970963" y="4095140"/>
            <a:ext cx="2551112" cy="433660"/>
          </a:xfrm>
        </p:spPr>
        <p:txBody>
          <a:bodyPr anchor="b" anchorCtr="0"/>
          <a:lstStyle>
            <a:lvl1pPr marL="0" indent="0">
              <a:buNone/>
              <a:defRPr b="1" i="0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8B9E6DC3-E19F-467F-8D38-079E85A7B5D1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8970963" y="4613902"/>
            <a:ext cx="2551112" cy="1336897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5" name="Content Placeholder 70">
            <a:extLst>
              <a:ext uri="{FF2B5EF4-FFF2-40B4-BE49-F238E27FC236}">
                <a16:creationId xmlns:a16="http://schemas.microsoft.com/office/drawing/2014/main" id="{A77ED286-EB28-4AC2-B2ED-681B7379901C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9600" y="1483200"/>
            <a:ext cx="10853736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6" name="Subtitle 2">
            <a:extLst>
              <a:ext uri="{FF2B5EF4-FFF2-40B4-BE49-F238E27FC236}">
                <a16:creationId xmlns:a16="http://schemas.microsoft.com/office/drawing/2014/main" id="{FDD7C8E9-F0A8-4FB5-9BCA-64CBDD6A2A0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39B9B15F-58EF-49C3-9225-2A1B6EE35631}"/>
              </a:ext>
            </a:extLst>
          </p:cNvPr>
          <p:cNvSpPr>
            <a:spLocks noGrp="1"/>
          </p:cNvSpPr>
          <p:nvPr>
            <p:ph type="dt" sz="half" idx="58"/>
          </p:nvPr>
        </p:nvSpPr>
        <p:spPr/>
        <p:txBody>
          <a:bodyPr/>
          <a:lstStyle/>
          <a:p>
            <a:fld id="{3BC300FA-C2B3-40B4-A8F4-9F1D76C05BC1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1F929FC-1811-4F0F-9AFC-ACAE32E8FD00}"/>
              </a:ext>
            </a:extLst>
          </p:cNvPr>
          <p:cNvSpPr>
            <a:spLocks noGrp="1"/>
          </p:cNvSpPr>
          <p:nvPr>
            <p:ph type="ftr" sz="quarter" idx="5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E7A02E-E6D6-4132-88A1-0CFC8766127C}"/>
              </a:ext>
            </a:extLst>
          </p:cNvPr>
          <p:cNvSpPr>
            <a:spLocks noGrp="1"/>
          </p:cNvSpPr>
          <p:nvPr>
            <p:ph type="sldNum" sz="quarter" idx="60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7411091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Produc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6BE0E5-31DC-4004-AAD9-64C969B51C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A018C066-FCF0-4B88-89D7-E97369EEE75E}"/>
              </a:ext>
            </a:extLst>
          </p:cNvPr>
          <p:cNvSpPr>
            <a:spLocks noGrp="1"/>
          </p:cNvSpPr>
          <p:nvPr>
            <p:ph type="pic" sz="quarter" idx="45" hasCustomPrompt="1"/>
          </p:nvPr>
        </p:nvSpPr>
        <p:spPr>
          <a:xfrm>
            <a:off x="668338" y="2307600"/>
            <a:ext cx="19980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1355BD2-06B5-414E-913A-4A561211BF3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68338" y="4096800"/>
            <a:ext cx="1998000" cy="432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E5C8017-9AEC-448F-9D43-F58F4B7AF60F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8338" y="4615200"/>
            <a:ext cx="1998000" cy="13347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214EB22C-7DB5-4D17-A456-0437F9691065}"/>
              </a:ext>
            </a:extLst>
          </p:cNvPr>
          <p:cNvSpPr>
            <a:spLocks noGrp="1"/>
          </p:cNvSpPr>
          <p:nvPr>
            <p:ph type="pic" sz="quarter" idx="48" hasCustomPrompt="1"/>
          </p:nvPr>
        </p:nvSpPr>
        <p:spPr>
          <a:xfrm>
            <a:off x="2882272" y="2307600"/>
            <a:ext cx="19980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4DA60073-301C-4ACD-AD76-73B27ECAEE56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882272" y="4096800"/>
            <a:ext cx="1998000" cy="432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36211FE-94E5-4B2C-843E-D6CD6903806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882272" y="4615200"/>
            <a:ext cx="1998000" cy="13347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9" name="Picture Placeholder 3">
            <a:extLst>
              <a:ext uri="{FF2B5EF4-FFF2-40B4-BE49-F238E27FC236}">
                <a16:creationId xmlns:a16="http://schemas.microsoft.com/office/drawing/2014/main" id="{7CF63A38-13D1-45B7-AFC6-633818242AA6}"/>
              </a:ext>
            </a:extLst>
          </p:cNvPr>
          <p:cNvSpPr>
            <a:spLocks noGrp="1"/>
          </p:cNvSpPr>
          <p:nvPr>
            <p:ph type="pic" sz="quarter" idx="51" hasCustomPrompt="1"/>
          </p:nvPr>
        </p:nvSpPr>
        <p:spPr>
          <a:xfrm>
            <a:off x="5096206" y="2307600"/>
            <a:ext cx="19980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91B70085-090A-429B-9A83-C275302EC677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5096206" y="4096800"/>
            <a:ext cx="1998000" cy="432000"/>
          </a:xfrm>
        </p:spPr>
        <p:txBody>
          <a:bodyPr anchor="b" anchorCtr="0"/>
          <a:lstStyle>
            <a:lvl1pPr marL="0" indent="0"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EF27F5E7-91AF-4409-B7C9-B33888E9C12F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5096206" y="4615200"/>
            <a:ext cx="1998000" cy="13347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3" name="Picture Placeholder 4">
            <a:extLst>
              <a:ext uri="{FF2B5EF4-FFF2-40B4-BE49-F238E27FC236}">
                <a16:creationId xmlns:a16="http://schemas.microsoft.com/office/drawing/2014/main" id="{97CD6732-9694-4AB5-A58A-E66BC69948B4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7310140" y="2307600"/>
            <a:ext cx="19980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1FEE78-99AC-4BF8-A114-A75DF4C7C9D6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7310140" y="4096800"/>
            <a:ext cx="1998000" cy="432000"/>
          </a:xfrm>
        </p:spPr>
        <p:txBody>
          <a:bodyPr anchor="b" anchorCtr="0"/>
          <a:lstStyle>
            <a:lvl1pPr marL="0" indent="0">
              <a:buNone/>
              <a:defRPr b="1" i="0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8B9E6DC3-E19F-467F-8D38-079E85A7B5D1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7310140" y="4615200"/>
            <a:ext cx="1998000" cy="13347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7" name="Picture Placeholder 5">
            <a:extLst>
              <a:ext uri="{FF2B5EF4-FFF2-40B4-BE49-F238E27FC236}">
                <a16:creationId xmlns:a16="http://schemas.microsoft.com/office/drawing/2014/main" id="{9A1CCC66-6444-4EBD-841E-AC73C1D3BF07}"/>
              </a:ext>
            </a:extLst>
          </p:cNvPr>
          <p:cNvSpPr>
            <a:spLocks noGrp="1"/>
          </p:cNvSpPr>
          <p:nvPr>
            <p:ph type="pic" sz="quarter" idx="57" hasCustomPrompt="1"/>
          </p:nvPr>
        </p:nvSpPr>
        <p:spPr>
          <a:xfrm>
            <a:off x="9524075" y="2307600"/>
            <a:ext cx="19980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B3D45236-BF14-41BB-B74D-CA0BB0EE5FA7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9524075" y="4096800"/>
            <a:ext cx="1998000" cy="432000"/>
          </a:xfrm>
        </p:spPr>
        <p:txBody>
          <a:bodyPr anchor="b" anchorCtr="0"/>
          <a:lstStyle>
            <a:lvl1pPr marL="0" indent="0">
              <a:buNone/>
              <a:defRPr b="1" i="0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9" name="Text Placeholder 38">
            <a:extLst>
              <a:ext uri="{FF2B5EF4-FFF2-40B4-BE49-F238E27FC236}">
                <a16:creationId xmlns:a16="http://schemas.microsoft.com/office/drawing/2014/main" id="{11E9DCC3-0065-4202-8D3B-A7A9F321EF0D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9524075" y="4615200"/>
            <a:ext cx="1998000" cy="13347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9" name="Content Placeholder 70">
            <a:extLst>
              <a:ext uri="{FF2B5EF4-FFF2-40B4-BE49-F238E27FC236}">
                <a16:creationId xmlns:a16="http://schemas.microsoft.com/office/drawing/2014/main" id="{3073D60D-0C59-4D80-B2C2-B083223569C6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9600" y="1483199"/>
            <a:ext cx="10853736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39B9B15F-58EF-49C3-9225-2A1B6EE35631}"/>
              </a:ext>
            </a:extLst>
          </p:cNvPr>
          <p:cNvSpPr>
            <a:spLocks noGrp="1"/>
          </p:cNvSpPr>
          <p:nvPr>
            <p:ph type="dt" sz="half" idx="58"/>
          </p:nvPr>
        </p:nvSpPr>
        <p:spPr/>
        <p:txBody>
          <a:bodyPr/>
          <a:lstStyle/>
          <a:p>
            <a:fld id="{94EB4B29-51E3-410F-A4E1-F1726E927595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1F929FC-1811-4F0F-9AFC-ACAE32E8FD00}"/>
              </a:ext>
            </a:extLst>
          </p:cNvPr>
          <p:cNvSpPr>
            <a:spLocks noGrp="1"/>
          </p:cNvSpPr>
          <p:nvPr>
            <p:ph type="ftr" sz="quarter" idx="5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5DCF9ED8-35AE-45F8-B1A4-9FE126672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E7A02E-E6D6-4132-88A1-0CFC8766127C}"/>
              </a:ext>
            </a:extLst>
          </p:cNvPr>
          <p:cNvSpPr>
            <a:spLocks noGrp="1"/>
          </p:cNvSpPr>
          <p:nvPr>
            <p:ph type="sldNum" sz="quarter" idx="60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8595399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er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6BE0E5-31DC-4004-AAD9-64C969B51C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6EDBC1A0-3712-430C-B6A5-4821EF4546FD}"/>
              </a:ext>
            </a:extLst>
          </p:cNvPr>
          <p:cNvSpPr>
            <a:spLocks noGrp="1"/>
          </p:cNvSpPr>
          <p:nvPr>
            <p:ph idx="27" hasCustomPrompt="1"/>
          </p:nvPr>
        </p:nvSpPr>
        <p:spPr>
          <a:xfrm>
            <a:off x="668338" y="2305800"/>
            <a:ext cx="10853737" cy="3640975"/>
          </a:xfrm>
        </p:spPr>
        <p:txBody>
          <a:bodyPr lIns="0"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ECE04187-AB20-483B-BAD3-AF38356E5803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fld id="{BD2F921B-9322-436F-A7F8-BFFB8A586CDF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1" name="Footer Placeholder 10" hidden="1">
            <a:extLst>
              <a:ext uri="{FF2B5EF4-FFF2-40B4-BE49-F238E27FC236}">
                <a16:creationId xmlns:a16="http://schemas.microsoft.com/office/drawing/2014/main" id="{326A9338-C2CB-41D0-88DB-FB34B128332F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2B588C4-3FE9-4613-AEE0-45E2710EE05D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Content Placeholder 70">
            <a:extLst>
              <a:ext uri="{FF2B5EF4-FFF2-40B4-BE49-F238E27FC236}">
                <a16:creationId xmlns:a16="http://schemas.microsoft.com/office/drawing/2014/main" id="{ADADB05C-F907-4C69-8066-06A78E0ABA9B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8338" y="1483200"/>
            <a:ext cx="10854998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9245DB34-1CAF-4990-81E5-334AFF4AE1E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8" y="6164263"/>
            <a:ext cx="7164387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416149617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5 Produc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6BE0E5-31DC-4004-AAD9-64C969B51C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A018C066-FCF0-4B88-89D7-E97369EEE75E}"/>
              </a:ext>
            </a:extLst>
          </p:cNvPr>
          <p:cNvSpPr>
            <a:spLocks noGrp="1"/>
          </p:cNvSpPr>
          <p:nvPr>
            <p:ph type="pic" sz="quarter" idx="45" hasCustomPrompt="1"/>
          </p:nvPr>
        </p:nvSpPr>
        <p:spPr>
          <a:xfrm>
            <a:off x="668338" y="1484313"/>
            <a:ext cx="1998000" cy="13104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1355BD2-06B5-414E-913A-4A561211BF3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68338" y="3009600"/>
            <a:ext cx="1998000" cy="432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E5C8017-9AEC-448F-9D43-F58F4B7AF60F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8338" y="3780000"/>
            <a:ext cx="1998000" cy="21699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214EB22C-7DB5-4D17-A456-0437F9691065}"/>
              </a:ext>
            </a:extLst>
          </p:cNvPr>
          <p:cNvSpPr>
            <a:spLocks noGrp="1"/>
          </p:cNvSpPr>
          <p:nvPr>
            <p:ph type="pic" sz="quarter" idx="48" hasCustomPrompt="1"/>
          </p:nvPr>
        </p:nvSpPr>
        <p:spPr>
          <a:xfrm>
            <a:off x="2882272" y="1484313"/>
            <a:ext cx="1998000" cy="13104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4DA60073-301C-4ACD-AD76-73B27ECAEE56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882272" y="3009600"/>
            <a:ext cx="1998000" cy="432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36211FE-94E5-4B2C-843E-D6CD6903806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882272" y="3780000"/>
            <a:ext cx="1998000" cy="21699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9" name="Picture Placeholder 3">
            <a:extLst>
              <a:ext uri="{FF2B5EF4-FFF2-40B4-BE49-F238E27FC236}">
                <a16:creationId xmlns:a16="http://schemas.microsoft.com/office/drawing/2014/main" id="{7CF63A38-13D1-45B7-AFC6-633818242AA6}"/>
              </a:ext>
            </a:extLst>
          </p:cNvPr>
          <p:cNvSpPr>
            <a:spLocks noGrp="1"/>
          </p:cNvSpPr>
          <p:nvPr>
            <p:ph type="pic" sz="quarter" idx="51" hasCustomPrompt="1"/>
          </p:nvPr>
        </p:nvSpPr>
        <p:spPr>
          <a:xfrm>
            <a:off x="5096206" y="1484313"/>
            <a:ext cx="1998000" cy="13104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91B70085-090A-429B-9A83-C275302EC677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5096206" y="3009600"/>
            <a:ext cx="1998000" cy="432000"/>
          </a:xfrm>
        </p:spPr>
        <p:txBody>
          <a:bodyPr anchor="b" anchorCtr="0"/>
          <a:lstStyle>
            <a:lvl1pPr marL="0" indent="0"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EF27F5E7-91AF-4409-B7C9-B33888E9C12F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5096206" y="3780000"/>
            <a:ext cx="1998000" cy="21699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3" name="Picture Placeholder 4">
            <a:extLst>
              <a:ext uri="{FF2B5EF4-FFF2-40B4-BE49-F238E27FC236}">
                <a16:creationId xmlns:a16="http://schemas.microsoft.com/office/drawing/2014/main" id="{97CD6732-9694-4AB5-A58A-E66BC69948B4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7310140" y="1484313"/>
            <a:ext cx="1998000" cy="13104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1FEE78-99AC-4BF8-A114-A75DF4C7C9D6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7310140" y="3009600"/>
            <a:ext cx="1998000" cy="432000"/>
          </a:xfrm>
        </p:spPr>
        <p:txBody>
          <a:bodyPr anchor="b" anchorCtr="0"/>
          <a:lstStyle>
            <a:lvl1pPr marL="0" indent="0">
              <a:buNone/>
              <a:defRPr b="1" i="0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8B9E6DC3-E19F-467F-8D38-079E85A7B5D1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7310140" y="3780000"/>
            <a:ext cx="1998000" cy="21699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7" name="Picture Placeholder 5">
            <a:extLst>
              <a:ext uri="{FF2B5EF4-FFF2-40B4-BE49-F238E27FC236}">
                <a16:creationId xmlns:a16="http://schemas.microsoft.com/office/drawing/2014/main" id="{9A1CCC66-6444-4EBD-841E-AC73C1D3BF07}"/>
              </a:ext>
            </a:extLst>
          </p:cNvPr>
          <p:cNvSpPr>
            <a:spLocks noGrp="1"/>
          </p:cNvSpPr>
          <p:nvPr>
            <p:ph type="pic" sz="quarter" idx="57" hasCustomPrompt="1"/>
          </p:nvPr>
        </p:nvSpPr>
        <p:spPr>
          <a:xfrm>
            <a:off x="9524075" y="1484313"/>
            <a:ext cx="1998000" cy="13104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2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B3D45236-BF14-41BB-B74D-CA0BB0EE5FA7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9524075" y="3009600"/>
            <a:ext cx="1998000" cy="432000"/>
          </a:xfrm>
        </p:spPr>
        <p:txBody>
          <a:bodyPr anchor="b" anchorCtr="0"/>
          <a:lstStyle>
            <a:lvl1pPr marL="0" indent="0">
              <a:buNone/>
              <a:defRPr b="1" i="0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9" name="Text Placeholder 38">
            <a:extLst>
              <a:ext uri="{FF2B5EF4-FFF2-40B4-BE49-F238E27FC236}">
                <a16:creationId xmlns:a16="http://schemas.microsoft.com/office/drawing/2014/main" id="{11E9DCC3-0065-4202-8D3B-A7A9F321EF0D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9524075" y="3780000"/>
            <a:ext cx="1998000" cy="21699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39B9B15F-58EF-49C3-9225-2A1B6EE35631}"/>
              </a:ext>
            </a:extLst>
          </p:cNvPr>
          <p:cNvSpPr>
            <a:spLocks noGrp="1"/>
          </p:cNvSpPr>
          <p:nvPr>
            <p:ph type="dt" sz="half" idx="58"/>
          </p:nvPr>
        </p:nvSpPr>
        <p:spPr/>
        <p:txBody>
          <a:bodyPr/>
          <a:lstStyle/>
          <a:p>
            <a:fld id="{94EB4B29-51E3-410F-A4E1-F1726E927595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1F929FC-1811-4F0F-9AFC-ACAE32E8FD00}"/>
              </a:ext>
            </a:extLst>
          </p:cNvPr>
          <p:cNvSpPr>
            <a:spLocks noGrp="1"/>
          </p:cNvSpPr>
          <p:nvPr>
            <p:ph type="ftr" sz="quarter" idx="5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5DCF9ED8-35AE-45F8-B1A4-9FE126672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E7A02E-E6D6-4132-88A1-0CFC8766127C}"/>
              </a:ext>
            </a:extLst>
          </p:cNvPr>
          <p:cNvSpPr>
            <a:spLocks noGrp="1"/>
          </p:cNvSpPr>
          <p:nvPr>
            <p:ph type="sldNum" sz="quarter" idx="60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81991247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Produc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6BE0E5-31DC-4004-AAD9-64C969B51C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A018C066-FCF0-4B88-89D7-E97369EEE75E}"/>
              </a:ext>
            </a:extLst>
          </p:cNvPr>
          <p:cNvSpPr>
            <a:spLocks noGrp="1"/>
          </p:cNvSpPr>
          <p:nvPr>
            <p:ph type="pic" sz="quarter" idx="45" hasCustomPrompt="1"/>
          </p:nvPr>
        </p:nvSpPr>
        <p:spPr>
          <a:xfrm>
            <a:off x="668338" y="2307600"/>
            <a:ext cx="16272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1355BD2-06B5-414E-913A-4A561211BF3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68338" y="4096800"/>
            <a:ext cx="1627222" cy="430215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E5C8017-9AEC-448F-9D43-F58F4B7AF60F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8338" y="4615200"/>
            <a:ext cx="1627222" cy="1334748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214EB22C-7DB5-4D17-A456-0437F9691065}"/>
              </a:ext>
            </a:extLst>
          </p:cNvPr>
          <p:cNvSpPr>
            <a:spLocks noGrp="1"/>
          </p:cNvSpPr>
          <p:nvPr>
            <p:ph type="pic" sz="quarter" idx="48" hasCustomPrompt="1"/>
          </p:nvPr>
        </p:nvSpPr>
        <p:spPr>
          <a:xfrm>
            <a:off x="2513047" y="2307600"/>
            <a:ext cx="16272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4DA60073-301C-4ACD-AD76-73B27ECAEE56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13012" y="4096800"/>
            <a:ext cx="1628775" cy="432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36211FE-94E5-4B2C-843E-D6CD6903806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13013" y="4615200"/>
            <a:ext cx="1628775" cy="1334965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9" name="Picture Placeholder 3">
            <a:extLst>
              <a:ext uri="{FF2B5EF4-FFF2-40B4-BE49-F238E27FC236}">
                <a16:creationId xmlns:a16="http://schemas.microsoft.com/office/drawing/2014/main" id="{7CF63A38-13D1-45B7-AFC6-633818242AA6}"/>
              </a:ext>
            </a:extLst>
          </p:cNvPr>
          <p:cNvSpPr>
            <a:spLocks noGrp="1"/>
          </p:cNvSpPr>
          <p:nvPr>
            <p:ph type="pic" sz="quarter" idx="51" hasCustomPrompt="1"/>
          </p:nvPr>
        </p:nvSpPr>
        <p:spPr>
          <a:xfrm>
            <a:off x="4357688" y="2307600"/>
            <a:ext cx="16272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91B70085-090A-429B-9A83-C275302EC677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4357688" y="4096800"/>
            <a:ext cx="1627222" cy="432000"/>
          </a:xfrm>
        </p:spPr>
        <p:txBody>
          <a:bodyPr anchor="b" anchorCtr="0"/>
          <a:lstStyle>
            <a:lvl1pPr marL="0" indent="0"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EF27F5E7-91AF-4409-B7C9-B33888E9C12F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57688" y="4615200"/>
            <a:ext cx="1627222" cy="1334965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3" name="Picture Placeholder 4">
            <a:extLst>
              <a:ext uri="{FF2B5EF4-FFF2-40B4-BE49-F238E27FC236}">
                <a16:creationId xmlns:a16="http://schemas.microsoft.com/office/drawing/2014/main" id="{97CD6732-9694-4AB5-A58A-E66BC69948B4}"/>
              </a:ext>
            </a:extLst>
          </p:cNvPr>
          <p:cNvSpPr>
            <a:spLocks noGrp="1"/>
          </p:cNvSpPr>
          <p:nvPr>
            <p:ph type="pic" sz="quarter" idx="54" hasCustomPrompt="1"/>
          </p:nvPr>
        </p:nvSpPr>
        <p:spPr>
          <a:xfrm>
            <a:off x="6203949" y="2307600"/>
            <a:ext cx="16272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1FEE78-99AC-4BF8-A114-A75DF4C7C9D6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6203950" y="4096800"/>
            <a:ext cx="1627200" cy="432000"/>
          </a:xfrm>
        </p:spPr>
        <p:txBody>
          <a:bodyPr anchor="b" anchorCtr="0"/>
          <a:lstStyle>
            <a:lvl1pPr marL="0" indent="0">
              <a:buNone/>
              <a:defRPr b="1" i="0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8B9E6DC3-E19F-467F-8D38-079E85A7B5D1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6203950" y="4615200"/>
            <a:ext cx="1627222" cy="1334965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7" name="Picture Placeholder 5">
            <a:extLst>
              <a:ext uri="{FF2B5EF4-FFF2-40B4-BE49-F238E27FC236}">
                <a16:creationId xmlns:a16="http://schemas.microsoft.com/office/drawing/2014/main" id="{9A1CCC66-6444-4EBD-841E-AC73C1D3BF07}"/>
              </a:ext>
            </a:extLst>
          </p:cNvPr>
          <p:cNvSpPr>
            <a:spLocks noGrp="1"/>
          </p:cNvSpPr>
          <p:nvPr>
            <p:ph type="pic" sz="quarter" idx="57" hasCustomPrompt="1"/>
          </p:nvPr>
        </p:nvSpPr>
        <p:spPr>
          <a:xfrm>
            <a:off x="8050211" y="2307600"/>
            <a:ext cx="16272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B3D45236-BF14-41BB-B74D-CA0BB0EE5FA7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8047073" y="4096800"/>
            <a:ext cx="1627200" cy="432000"/>
          </a:xfrm>
        </p:spPr>
        <p:txBody>
          <a:bodyPr anchor="b" anchorCtr="0"/>
          <a:lstStyle>
            <a:lvl1pPr marL="0" indent="0">
              <a:buNone/>
              <a:defRPr b="1" i="0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9" name="Text Placeholder 38">
            <a:extLst>
              <a:ext uri="{FF2B5EF4-FFF2-40B4-BE49-F238E27FC236}">
                <a16:creationId xmlns:a16="http://schemas.microsoft.com/office/drawing/2014/main" id="{11E9DCC3-0065-4202-8D3B-A7A9F321EF0D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8048624" y="4615200"/>
            <a:ext cx="1628775" cy="13347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7" name="Picture Placeholder 6">
            <a:extLst>
              <a:ext uri="{FF2B5EF4-FFF2-40B4-BE49-F238E27FC236}">
                <a16:creationId xmlns:a16="http://schemas.microsoft.com/office/drawing/2014/main" id="{F8D8763E-36F8-4B64-87E4-93BDDCCEB71E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9894885" y="2307600"/>
            <a:ext cx="1627200" cy="1551600"/>
          </a:xfrm>
        </p:spPr>
        <p:txBody>
          <a:bodyPr tIns="0" rIns="0" bIns="0" anchor="t" anchorCtr="0"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61" name="Text Placeholder 60">
            <a:extLst>
              <a:ext uri="{FF2B5EF4-FFF2-40B4-BE49-F238E27FC236}">
                <a16:creationId xmlns:a16="http://schemas.microsoft.com/office/drawing/2014/main" id="{709EF3A4-0557-4AFF-988F-0EC41B2699F7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>
            <a:off x="9893300" y="4096800"/>
            <a:ext cx="1628775" cy="432000"/>
          </a:xfrm>
        </p:spPr>
        <p:txBody>
          <a:bodyPr anchor="b" anchorCtr="0"/>
          <a:lstStyle>
            <a:lvl1pPr marL="0" indent="0"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63" name="Text Placeholder 62">
            <a:extLst>
              <a:ext uri="{FF2B5EF4-FFF2-40B4-BE49-F238E27FC236}">
                <a16:creationId xmlns:a16="http://schemas.microsoft.com/office/drawing/2014/main" id="{B68B84A5-4CB0-40F3-9691-9D105EB8A433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9893300" y="4615200"/>
            <a:ext cx="1628775" cy="133475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1" name="Content Placeholder 70">
            <a:extLst>
              <a:ext uri="{FF2B5EF4-FFF2-40B4-BE49-F238E27FC236}">
                <a16:creationId xmlns:a16="http://schemas.microsoft.com/office/drawing/2014/main" id="{B007A092-AD5B-4BC8-9860-6B85B9FEE7B5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9600" y="1483200"/>
            <a:ext cx="10853736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6" name="Subtitle 2">
            <a:extLst>
              <a:ext uri="{FF2B5EF4-FFF2-40B4-BE49-F238E27FC236}">
                <a16:creationId xmlns:a16="http://schemas.microsoft.com/office/drawing/2014/main" id="{61F6322C-E505-4746-81CF-887EABC53A6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39B9B15F-58EF-49C3-9225-2A1B6EE35631}"/>
              </a:ext>
            </a:extLst>
          </p:cNvPr>
          <p:cNvSpPr>
            <a:spLocks noGrp="1"/>
          </p:cNvSpPr>
          <p:nvPr>
            <p:ph type="dt" sz="half" idx="58"/>
          </p:nvPr>
        </p:nvSpPr>
        <p:spPr/>
        <p:txBody>
          <a:bodyPr/>
          <a:lstStyle/>
          <a:p>
            <a:fld id="{B59F0395-DDE0-4BAF-BE2F-20EEBA9665E0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1F929FC-1811-4F0F-9AFC-ACAE32E8FD00}"/>
              </a:ext>
            </a:extLst>
          </p:cNvPr>
          <p:cNvSpPr>
            <a:spLocks noGrp="1"/>
          </p:cNvSpPr>
          <p:nvPr>
            <p:ph type="ftr" sz="quarter" idx="5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E7A02E-E6D6-4132-88A1-0CFC8766127C}"/>
              </a:ext>
            </a:extLst>
          </p:cNvPr>
          <p:cNvSpPr>
            <a:spLocks noGrp="1"/>
          </p:cNvSpPr>
          <p:nvPr>
            <p:ph type="sldNum" sz="quarter" idx="60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619509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8C7402F1-3581-40CB-962B-AEC4CDD93A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5849FEB3-65C3-4B23-9E58-22200B6EB6D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D5D6AF4-BAD8-4CDE-BE0F-E0C2E6C466F7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B214A6D-51F6-4234-BF64-C38ED6EABA4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1A074435-2D22-499A-BD84-056A984D3F9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3DB0DE2-DF09-4075-8EEC-025E63F57DB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39562251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6BE0E5-31DC-4004-AAD9-64C969B51C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Content Placeholder 70">
            <a:extLst>
              <a:ext uri="{FF2B5EF4-FFF2-40B4-BE49-F238E27FC236}">
                <a16:creationId xmlns:a16="http://schemas.microsoft.com/office/drawing/2014/main" id="{12B52FC5-0710-452A-B561-3B2A9BC7E6E6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9600" y="1483200"/>
            <a:ext cx="10853736" cy="630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/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A1434FDB-0360-4461-A897-10753770DBF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ECE04187-AB20-483B-BAD3-AF38356E5803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fld id="{D32601F6-DB8C-4ED4-9E8D-97A84C83495C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1" name="Footer Placeholder 10" hidden="1">
            <a:extLst>
              <a:ext uri="{FF2B5EF4-FFF2-40B4-BE49-F238E27FC236}">
                <a16:creationId xmlns:a16="http://schemas.microsoft.com/office/drawing/2014/main" id="{326A9338-C2CB-41D0-88DB-FB34B128332F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2B588C4-3FE9-4613-AEE0-45E2710EE05D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46707395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green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C817520F-DD11-4AAA-AAFE-618FA837AA60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2206800"/>
          </a:xfrm>
          <a:custGeom>
            <a:avLst/>
            <a:gdLst>
              <a:gd name="connsiteX0" fmla="*/ 0 w 12193200"/>
              <a:gd name="connsiteY0" fmla="*/ 0 h 2206800"/>
              <a:gd name="connsiteX1" fmla="*/ 12193200 w 12193200"/>
              <a:gd name="connsiteY1" fmla="*/ 0 h 2206800"/>
              <a:gd name="connsiteX2" fmla="*/ 12193200 w 12193200"/>
              <a:gd name="connsiteY2" fmla="*/ 2206800 h 2206800"/>
              <a:gd name="connsiteX3" fmla="*/ 925475 w 12193200"/>
              <a:gd name="connsiteY3" fmla="*/ 2206800 h 2206800"/>
              <a:gd name="connsiteX4" fmla="*/ 670916 w 12193200"/>
              <a:gd name="connsiteY4" fmla="*/ 1952242 h 2206800"/>
              <a:gd name="connsiteX5" fmla="*/ 416358 w 12193200"/>
              <a:gd name="connsiteY5" fmla="*/ 2206800 h 2206800"/>
              <a:gd name="connsiteX6" fmla="*/ 0 w 12193200"/>
              <a:gd name="connsiteY6" fmla="*/ 2206800 h 2206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3200" h="2206800">
                <a:moveTo>
                  <a:pt x="0" y="0"/>
                </a:moveTo>
                <a:lnTo>
                  <a:pt x="12193200" y="0"/>
                </a:lnTo>
                <a:lnTo>
                  <a:pt x="12193200" y="2206800"/>
                </a:lnTo>
                <a:lnTo>
                  <a:pt x="925475" y="2206800"/>
                </a:lnTo>
                <a:lnTo>
                  <a:pt x="670916" y="1952242"/>
                </a:lnTo>
                <a:lnTo>
                  <a:pt x="416358" y="2206800"/>
                </a:lnTo>
                <a:lnTo>
                  <a:pt x="0" y="2206800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33E4D159-29D6-45BC-8509-E601FE38C67E}"/>
              </a:ext>
            </a:extLst>
          </p:cNvPr>
          <p:cNvSpPr>
            <a:spLocks noGrp="1"/>
          </p:cNvSpPr>
          <p:nvPr>
            <p:ph type="pic" sz="quarter" idx="132" hasCustomPrompt="1"/>
          </p:nvPr>
        </p:nvSpPr>
        <p:spPr>
          <a:xfrm>
            <a:off x="1" y="0"/>
            <a:ext cx="12192000" cy="2206800"/>
          </a:xfrm>
          <a:custGeom>
            <a:avLst/>
            <a:gdLst>
              <a:gd name="connsiteX0" fmla="*/ 0 w 12192000"/>
              <a:gd name="connsiteY0" fmla="*/ 0 h 2206800"/>
              <a:gd name="connsiteX1" fmla="*/ 12192000 w 12192000"/>
              <a:gd name="connsiteY1" fmla="*/ 0 h 2206800"/>
              <a:gd name="connsiteX2" fmla="*/ 12192000 w 12192000"/>
              <a:gd name="connsiteY2" fmla="*/ 2206800 h 2206800"/>
              <a:gd name="connsiteX3" fmla="*/ 925474 w 12192000"/>
              <a:gd name="connsiteY3" fmla="*/ 2206800 h 2206800"/>
              <a:gd name="connsiteX4" fmla="*/ 670915 w 12192000"/>
              <a:gd name="connsiteY4" fmla="*/ 1952242 h 2206800"/>
              <a:gd name="connsiteX5" fmla="*/ 416357 w 12192000"/>
              <a:gd name="connsiteY5" fmla="*/ 2206800 h 2206800"/>
              <a:gd name="connsiteX6" fmla="*/ 0 w 12192000"/>
              <a:gd name="connsiteY6" fmla="*/ 2206800 h 2206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2000" h="2206800">
                <a:moveTo>
                  <a:pt x="0" y="0"/>
                </a:moveTo>
                <a:lnTo>
                  <a:pt x="12192000" y="0"/>
                </a:lnTo>
                <a:lnTo>
                  <a:pt x="12192000" y="2206800"/>
                </a:lnTo>
                <a:lnTo>
                  <a:pt x="925474" y="2206800"/>
                </a:lnTo>
                <a:lnTo>
                  <a:pt x="670915" y="1952242"/>
                </a:lnTo>
                <a:lnTo>
                  <a:pt x="416357" y="2206800"/>
                </a:lnTo>
                <a:lnTo>
                  <a:pt x="0" y="22068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144000">
            <a:noAutofit/>
          </a:bodyPr>
          <a:lstStyle>
            <a:lvl1pPr marL="0" indent="0" algn="ctr">
              <a:buNone/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4E79676-C1F8-463E-8C3C-863CDC9DA7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112"/>
          </a:xfrm>
        </p:spPr>
        <p:txBody>
          <a:bodyPr anchor="t" anchorCtr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0" name="Picture Placeholder 1">
            <a:extLst>
              <a:ext uri="{FF2B5EF4-FFF2-40B4-BE49-F238E27FC236}">
                <a16:creationId xmlns:a16="http://schemas.microsoft.com/office/drawing/2014/main" id="{1F7E3D72-7B82-451D-84E6-9FEC3545DF82}"/>
              </a:ext>
            </a:extLst>
          </p:cNvPr>
          <p:cNvSpPr>
            <a:spLocks noGrp="1"/>
          </p:cNvSpPr>
          <p:nvPr>
            <p:ph type="pic" sz="quarter" idx="121" hasCustomPrompt="1"/>
          </p:nvPr>
        </p:nvSpPr>
        <p:spPr>
          <a:xfrm>
            <a:off x="668337" y="2929441"/>
            <a:ext cx="1844675" cy="2338287"/>
          </a:xfrm>
        </p:spPr>
        <p:txBody>
          <a:bodyPr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4495901B-6DC6-483E-B3FC-E724D12EC1F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728799" y="2930400"/>
            <a:ext cx="3157200" cy="409831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  <a:lvl2pPr marL="179387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20" name="Text Placeholder 6">
            <a:extLst>
              <a:ext uri="{FF2B5EF4-FFF2-40B4-BE49-F238E27FC236}">
                <a16:creationId xmlns:a16="http://schemas.microsoft.com/office/drawing/2014/main" id="{96F256A3-5311-451C-938D-4493A6BC28F6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2727538" y="3427199"/>
            <a:ext cx="3157200" cy="2523600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1" name="Picture Placeholder 2">
            <a:extLst>
              <a:ext uri="{FF2B5EF4-FFF2-40B4-BE49-F238E27FC236}">
                <a16:creationId xmlns:a16="http://schemas.microsoft.com/office/drawing/2014/main" id="{95CEA9BF-AF96-432A-A3E0-350542F4CB38}"/>
              </a:ext>
            </a:extLst>
          </p:cNvPr>
          <p:cNvSpPr>
            <a:spLocks noGrp="1"/>
          </p:cNvSpPr>
          <p:nvPr>
            <p:ph type="pic" sz="quarter" idx="122" hasCustomPrompt="1"/>
          </p:nvPr>
        </p:nvSpPr>
        <p:spPr>
          <a:xfrm>
            <a:off x="6306003" y="2929441"/>
            <a:ext cx="1845872" cy="2338287"/>
          </a:xfrm>
        </p:spPr>
        <p:txBody>
          <a:bodyPr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 sz="1000">
                <a:solidFill>
                  <a:schemeClr val="accent2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noProof="0" dirty="0"/>
              <a:t>Select placeholder and insert picture from ImageLibrary</a:t>
            </a:r>
          </a:p>
        </p:txBody>
      </p:sp>
      <p:sp>
        <p:nvSpPr>
          <p:cNvPr id="21" name="Text Placeholder 15">
            <a:extLst>
              <a:ext uri="{FF2B5EF4-FFF2-40B4-BE49-F238E27FC236}">
                <a16:creationId xmlns:a16="http://schemas.microsoft.com/office/drawing/2014/main" id="{51F8C825-5D93-462F-99DE-0004B9A961F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366399" y="2930275"/>
            <a:ext cx="3155675" cy="409956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b="1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D2B15B91-F69B-4650-AF87-D8FB037E9301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8366400" y="3425555"/>
            <a:ext cx="3155675" cy="2524395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531C8074-08EF-488E-B846-31512E06EEB0}"/>
              </a:ext>
            </a:extLst>
          </p:cNvPr>
          <p:cNvSpPr>
            <a:spLocks noGrp="1"/>
          </p:cNvSpPr>
          <p:nvPr>
            <p:ph type="dt" sz="half" idx="76"/>
          </p:nvPr>
        </p:nvSpPr>
        <p:spPr/>
        <p:txBody>
          <a:bodyPr/>
          <a:lstStyle/>
          <a:p>
            <a:fld id="{8B321649-EA85-4D5A-BD12-D0EEB917B8DC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2" name="Footer Placeholder 11" hidden="1">
            <a:extLst>
              <a:ext uri="{FF2B5EF4-FFF2-40B4-BE49-F238E27FC236}">
                <a16:creationId xmlns:a16="http://schemas.microsoft.com/office/drawing/2014/main" id="{AB7B168B-A8A7-40A2-8E6E-D4F6ED96466A}"/>
              </a:ext>
            </a:extLst>
          </p:cNvPr>
          <p:cNvSpPr>
            <a:spLocks noGrp="1"/>
          </p:cNvSpPr>
          <p:nvPr>
            <p:ph type="ftr" sz="quarter" idx="7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34DFBB0B-E22B-40E0-8592-B850016CAEC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B12E45E3-6528-4106-85B1-1C248E60F2B7}"/>
              </a:ext>
            </a:extLst>
          </p:cNvPr>
          <p:cNvSpPr>
            <a:spLocks noGrp="1"/>
          </p:cNvSpPr>
          <p:nvPr>
            <p:ph type="sldNum" sz="quarter" idx="78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550630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et the te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975CE0-EEEF-4E63-A80E-A2AE6B3118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Picture Placeholder 1">
            <a:extLst>
              <a:ext uri="{FF2B5EF4-FFF2-40B4-BE49-F238E27FC236}">
                <a16:creationId xmlns:a16="http://schemas.microsoft.com/office/drawing/2014/main" id="{C91A895E-24E5-41B9-8043-65EAE4EE8C06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668338" y="1483200"/>
            <a:ext cx="1192619" cy="1152538"/>
          </a:xfrm>
        </p:spPr>
        <p:txBody>
          <a:bodyPr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21" name="Picture Placeholder 2">
            <a:extLst>
              <a:ext uri="{FF2B5EF4-FFF2-40B4-BE49-F238E27FC236}">
                <a16:creationId xmlns:a16="http://schemas.microsoft.com/office/drawing/2014/main" id="{47D2CD76-DA36-40DB-BD56-FE13A0FC887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668338" y="2925065"/>
            <a:ext cx="1192619" cy="1152538"/>
          </a:xfrm>
        </p:spPr>
        <p:txBody>
          <a:bodyPr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 sz="1000">
                <a:solidFill>
                  <a:schemeClr val="accent2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noProof="0" dirty="0"/>
              <a:t>Select placeholder and insert picture from ImageLibrary</a:t>
            </a:r>
          </a:p>
        </p:txBody>
      </p:sp>
      <p:sp>
        <p:nvSpPr>
          <p:cNvPr id="23" name="Picture Placeholder 3">
            <a:extLst>
              <a:ext uri="{FF2B5EF4-FFF2-40B4-BE49-F238E27FC236}">
                <a16:creationId xmlns:a16="http://schemas.microsoft.com/office/drawing/2014/main" id="{689E9E30-6042-489D-B8C9-F95DD4CE6851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668338" y="4355841"/>
            <a:ext cx="1192619" cy="1152538"/>
          </a:xfrm>
        </p:spPr>
        <p:txBody>
          <a:bodyPr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B731B54C-4764-429B-AC73-E1CF01E35ABC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6308705" y="1483200"/>
            <a:ext cx="1192619" cy="1152538"/>
          </a:xfrm>
        </p:spPr>
        <p:txBody>
          <a:bodyPr/>
          <a:lstStyle>
            <a:lvl1pPr marL="0" indent="0" algn="ctr">
              <a:buFontTx/>
              <a:buNone/>
              <a:defRPr sz="1000"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Select placeholder and insert picture from ImageLibrary</a:t>
            </a:r>
          </a:p>
        </p:txBody>
      </p:sp>
      <p:sp>
        <p:nvSpPr>
          <p:cNvPr id="33" name="Picture Placeholder 5">
            <a:extLst>
              <a:ext uri="{FF2B5EF4-FFF2-40B4-BE49-F238E27FC236}">
                <a16:creationId xmlns:a16="http://schemas.microsoft.com/office/drawing/2014/main" id="{2114B43D-305C-482C-9BB7-439FF7DD8DE0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6308705" y="2925065"/>
            <a:ext cx="1192619" cy="1152538"/>
          </a:xfrm>
        </p:spPr>
        <p:txBody>
          <a:bodyPr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 sz="1000">
                <a:solidFill>
                  <a:schemeClr val="accent2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noProof="0" dirty="0"/>
              <a:t>Select placeholder and insert picture from ImageLibrary</a:t>
            </a:r>
          </a:p>
        </p:txBody>
      </p:sp>
      <p:sp>
        <p:nvSpPr>
          <p:cNvPr id="35" name="Picture Placeholder 6">
            <a:extLst>
              <a:ext uri="{FF2B5EF4-FFF2-40B4-BE49-F238E27FC236}">
                <a16:creationId xmlns:a16="http://schemas.microsoft.com/office/drawing/2014/main" id="{6F178CED-CF10-4C29-8A01-2957348DDB49}"/>
              </a:ext>
            </a:extLst>
          </p:cNvPr>
          <p:cNvSpPr>
            <a:spLocks noGrp="1"/>
          </p:cNvSpPr>
          <p:nvPr>
            <p:ph type="pic" sz="quarter" idx="40" hasCustomPrompt="1"/>
          </p:nvPr>
        </p:nvSpPr>
        <p:spPr>
          <a:xfrm>
            <a:off x="6308705" y="4355841"/>
            <a:ext cx="1192619" cy="1152538"/>
          </a:xfrm>
        </p:spPr>
        <p:txBody>
          <a:bodyPr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 sz="1000">
                <a:solidFill>
                  <a:schemeClr val="accent2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noProof="0" dirty="0"/>
              <a:t>Select placeholder and insert picture from ImageLibrary</a:t>
            </a:r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AE748D84-CDF9-4B3B-A9E6-08FC1A593787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080627" y="1483200"/>
            <a:ext cx="3796082" cy="208454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1400" b="1" cap="all" baseline="0">
                <a:solidFill>
                  <a:schemeClr val="accent2"/>
                </a:solidFill>
              </a:defRPr>
            </a:lvl1pPr>
            <a:lvl2pPr marL="179387" indent="0">
              <a:spcAft>
                <a:spcPts val="0"/>
              </a:spcAft>
              <a:buNone/>
              <a:defRPr sz="1400" b="1" cap="all" baseline="0"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26" name="Text Placeholder 6">
            <a:extLst>
              <a:ext uri="{FF2B5EF4-FFF2-40B4-BE49-F238E27FC236}">
                <a16:creationId xmlns:a16="http://schemas.microsoft.com/office/drawing/2014/main" id="{9DFE041F-0F15-4263-9995-0F9518CF2E5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2080800" y="1799059"/>
            <a:ext cx="3796082" cy="887099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 marL="538162" indent="0">
              <a:buNone/>
              <a:defRPr sz="1200"/>
            </a:lvl4pPr>
            <a:lvl5pPr>
              <a:defRPr sz="1200"/>
            </a:lvl5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7" name="Text Placeholder 15">
            <a:extLst>
              <a:ext uri="{FF2B5EF4-FFF2-40B4-BE49-F238E27FC236}">
                <a16:creationId xmlns:a16="http://schemas.microsoft.com/office/drawing/2014/main" id="{0BD5BAB0-D64F-40C6-96EF-70BE80752F19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080627" y="2925065"/>
            <a:ext cx="3796081" cy="1980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400" b="1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0B4749C8-3146-4ECA-AEF6-E2F13B426A35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080628" y="3227678"/>
            <a:ext cx="3796081" cy="8856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E048C3D2-274D-47D3-8CED-F96AAE0637B7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2080626" y="4355841"/>
            <a:ext cx="3796080" cy="198000"/>
          </a:xfrm>
        </p:spPr>
        <p:txBody>
          <a:bodyPr/>
          <a:lstStyle>
            <a:lvl1pPr marL="0" indent="0">
              <a:buNone/>
              <a:defRPr sz="1400" b="1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36" name="Text Placeholder 21">
            <a:extLst>
              <a:ext uri="{FF2B5EF4-FFF2-40B4-BE49-F238E27FC236}">
                <a16:creationId xmlns:a16="http://schemas.microsoft.com/office/drawing/2014/main" id="{B802D64D-9DD7-4238-8E10-A39285D4CEB4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2080626" y="4660236"/>
            <a:ext cx="3796079" cy="8856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7" name="Text Placeholder 29">
            <a:extLst>
              <a:ext uri="{FF2B5EF4-FFF2-40B4-BE49-F238E27FC236}">
                <a16:creationId xmlns:a16="http://schemas.microsoft.com/office/drawing/2014/main" id="{5E47FCEA-610E-4E2D-9053-43F456B99275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7725430" y="1483200"/>
            <a:ext cx="3796646" cy="198000"/>
          </a:xfrm>
        </p:spPr>
        <p:txBody>
          <a:bodyPr/>
          <a:lstStyle>
            <a:lvl1pPr marL="0" indent="0">
              <a:buNone/>
              <a:defRPr sz="1400" b="1" i="0" cap="all" baseline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38" name="Text Placeholder 32">
            <a:extLst>
              <a:ext uri="{FF2B5EF4-FFF2-40B4-BE49-F238E27FC236}">
                <a16:creationId xmlns:a16="http://schemas.microsoft.com/office/drawing/2014/main" id="{87FA9B0E-862E-4E96-AC39-5499ACD95C28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7725429" y="1799059"/>
            <a:ext cx="3796080" cy="887099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40" name="Text Placeholder 36">
            <a:extLst>
              <a:ext uri="{FF2B5EF4-FFF2-40B4-BE49-F238E27FC236}">
                <a16:creationId xmlns:a16="http://schemas.microsoft.com/office/drawing/2014/main" id="{5788A08B-7DE0-4548-9FA8-2E15692664F7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7725429" y="2925065"/>
            <a:ext cx="3796646" cy="198000"/>
          </a:xfrm>
        </p:spPr>
        <p:txBody>
          <a:bodyPr/>
          <a:lstStyle>
            <a:lvl1pPr marL="0" indent="0">
              <a:buNone/>
              <a:defRPr sz="1400" b="1" i="0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41" name="Text Placeholder 38">
            <a:extLst>
              <a:ext uri="{FF2B5EF4-FFF2-40B4-BE49-F238E27FC236}">
                <a16:creationId xmlns:a16="http://schemas.microsoft.com/office/drawing/2014/main" id="{3C7D3009-FBA7-4798-9C44-9C93DE5D6417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7725429" y="3227679"/>
            <a:ext cx="3796079" cy="8856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42" name="Text Placeholder 60">
            <a:extLst>
              <a:ext uri="{FF2B5EF4-FFF2-40B4-BE49-F238E27FC236}">
                <a16:creationId xmlns:a16="http://schemas.microsoft.com/office/drawing/2014/main" id="{6A54C751-1F10-4ED3-BA95-5DEE8E61D08F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>
            <a:off x="7725429" y="4355841"/>
            <a:ext cx="3796079" cy="198000"/>
          </a:xfrm>
        </p:spPr>
        <p:txBody>
          <a:bodyPr/>
          <a:lstStyle>
            <a:lvl1pPr marL="0" indent="0">
              <a:buNone/>
              <a:defRPr sz="1400" b="1" cap="all" baseline="0">
                <a:solidFill>
                  <a:schemeClr val="accent2"/>
                </a:solidFill>
              </a:defRPr>
            </a:lvl1pPr>
            <a:lvl2pPr marL="179387" indent="0">
              <a:buNone/>
              <a:defRPr/>
            </a:lvl2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43" name="Text Placeholder 62">
            <a:extLst>
              <a:ext uri="{FF2B5EF4-FFF2-40B4-BE49-F238E27FC236}">
                <a16:creationId xmlns:a16="http://schemas.microsoft.com/office/drawing/2014/main" id="{5B9569A2-AB12-4597-A02F-9BF3FEBAF59B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7725429" y="4660236"/>
            <a:ext cx="3796079" cy="8856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5B7BA4A8-291F-467E-A9F6-5DBE2BEC9FAE}"/>
              </a:ext>
            </a:extLst>
          </p:cNvPr>
          <p:cNvSpPr>
            <a:spLocks noGrp="1"/>
          </p:cNvSpPr>
          <p:nvPr>
            <p:ph type="dt" sz="half" idx="41"/>
          </p:nvPr>
        </p:nvSpPr>
        <p:spPr/>
        <p:txBody>
          <a:bodyPr/>
          <a:lstStyle/>
          <a:p>
            <a:fld id="{7498630D-1BF3-481D-B1E3-D9F98F8A99B2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C9D55DC8-D4BB-4653-833C-8D9670E4D437}"/>
              </a:ext>
            </a:extLst>
          </p:cNvPr>
          <p:cNvSpPr>
            <a:spLocks noGrp="1"/>
          </p:cNvSpPr>
          <p:nvPr>
            <p:ph type="ftr" sz="quarter" idx="4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0" name="Subtitle 2">
            <a:extLst>
              <a:ext uri="{FF2B5EF4-FFF2-40B4-BE49-F238E27FC236}">
                <a16:creationId xmlns:a16="http://schemas.microsoft.com/office/drawing/2014/main" id="{4FD49BC9-2FBD-446A-99DA-0BF9EAF2632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AC9AA59-72BC-46E9-9413-41330476C853}"/>
              </a:ext>
            </a:extLst>
          </p:cNvPr>
          <p:cNvSpPr>
            <a:spLocks noGrp="1"/>
          </p:cNvSpPr>
          <p:nvPr>
            <p:ph type="sldNum" sz="quarter" idx="43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075496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Storytelling, Her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ED1A34C2-36EB-0148-872D-D569D87B4E3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tIns="144000"/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to back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472A2D3-81F9-47D8-A43C-888EE8D6F4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8332" y="366713"/>
            <a:ext cx="10853743" cy="2732747"/>
          </a:xfrm>
        </p:spPr>
        <p:txBody>
          <a:bodyPr lIns="0" anchor="t" anchorCtr="0">
            <a:normAutofit/>
          </a:bodyPr>
          <a:lstStyle>
            <a:lvl1pPr>
              <a:defRPr sz="5400">
                <a:solidFill>
                  <a:schemeClr val="bg1"/>
                </a:solidFill>
                <a:effectLst>
                  <a:outerShdw blurRad="330200" dist="50800" dir="5400000" algn="tl" rotWithShape="0">
                    <a:prstClr val="black">
                      <a:alpha val="20000"/>
                    </a:prstClr>
                  </a:outerShdw>
                </a:effectLst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1" name="Content Placeholder 2">
            <a:extLst>
              <a:ext uri="{FF2B5EF4-FFF2-40B4-BE49-F238E27FC236}">
                <a16:creationId xmlns:a16="http://schemas.microsoft.com/office/drawing/2014/main" id="{C8A148C0-68ED-134D-864B-76D956FDF66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69600" y="3657602"/>
            <a:ext cx="10853737" cy="2506662"/>
          </a:xfrm>
        </p:spPr>
        <p:txBody>
          <a:bodyPr lIns="0"/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8" name="Date Placeholder 3" hidden="1">
            <a:extLst>
              <a:ext uri="{FF2B5EF4-FFF2-40B4-BE49-F238E27FC236}">
                <a16:creationId xmlns:a16="http://schemas.microsoft.com/office/drawing/2014/main" id="{2D8EEFE5-A576-41FC-AB62-530E14EEC4E9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A470537D-23FC-488B-9E24-5F8DD07DB02B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Footer Placeholder 4" hidden="1">
            <a:extLst>
              <a:ext uri="{FF2B5EF4-FFF2-40B4-BE49-F238E27FC236}">
                <a16:creationId xmlns:a16="http://schemas.microsoft.com/office/drawing/2014/main" id="{C624FC6A-6E8B-4FF5-8947-B5B1CB51E433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9" name="Slide Number Placeholder 5">
            <a:extLst>
              <a:ext uri="{FF2B5EF4-FFF2-40B4-BE49-F238E27FC236}">
                <a16:creationId xmlns:a16="http://schemas.microsoft.com/office/drawing/2014/main" id="{18842BB5-BE32-4246-B0A2-B2D8AE8A71A3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91344" y="6548400"/>
            <a:ext cx="332689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3091457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Storytelling, Her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3">
            <a:extLst>
              <a:ext uri="{FF2B5EF4-FFF2-40B4-BE49-F238E27FC236}">
                <a16:creationId xmlns:a16="http://schemas.microsoft.com/office/drawing/2014/main" id="{1B1C18BE-025F-AE4D-A1C1-DBB6192D500A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664329 w 12192000"/>
              <a:gd name="connsiteY4" fmla="*/ 5933496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53328 w 12192000"/>
              <a:gd name="connsiteY4" fmla="*/ 5930970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6858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664329 w 12192000"/>
              <a:gd name="connsiteY4" fmla="*/ 5936858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664329 w 12192000"/>
              <a:gd name="connsiteY3" fmla="*/ 5936858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192000" h="5937924">
                <a:moveTo>
                  <a:pt x="0" y="0"/>
                </a:moveTo>
                <a:lnTo>
                  <a:pt x="12192000" y="0"/>
                </a:lnTo>
                <a:lnTo>
                  <a:pt x="12192000" y="5937924"/>
                </a:lnTo>
                <a:lnTo>
                  <a:pt x="0" y="5937924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tIns="144000">
            <a:normAutofit/>
          </a:bodyPr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4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A91EC6-D7E4-468B-8E95-54AFE7AC07A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8339" y="795600"/>
            <a:ext cx="10853735" cy="2128575"/>
          </a:xfrm>
          <a:prstGeom prst="rect">
            <a:avLst/>
          </a:prstGeom>
        </p:spPr>
        <p:txBody>
          <a:bodyPr lIns="0" anchor="t" anchorCtr="0">
            <a:noAutofit/>
          </a:bodyPr>
          <a:lstStyle>
            <a:lvl1pPr algn="l">
              <a:lnSpc>
                <a:spcPts val="8000"/>
              </a:lnSpc>
              <a:defRPr sz="8000"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704B468F-0D5E-45C1-8681-983E7BAB8D1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68338" y="3657599"/>
            <a:ext cx="10853738" cy="1635369"/>
          </a:xfrm>
        </p:spPr>
        <p:txBody>
          <a:bodyPr lIns="0" tIns="36000" anchor="t" anchorCtr="0"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70C4DC2-6907-42DF-9C68-20543C14CCF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10" name="Text Placeholder 110">
            <a:extLst>
              <a:ext uri="{FF2B5EF4-FFF2-40B4-BE49-F238E27FC236}">
                <a16:creationId xmlns:a16="http://schemas.microsoft.com/office/drawing/2014/main" id="{8A2467B4-58E6-46BA-989D-9E1A255F15D6}"/>
              </a:ext>
            </a:extLst>
          </p:cNvPr>
          <p:cNvSpPr>
            <a:spLocks noGrp="1"/>
          </p:cNvSpPr>
          <p:nvPr>
            <p:ph type="body" sz="quarter" idx="120" hasCustomPrompt="1"/>
          </p:nvPr>
        </p:nvSpPr>
        <p:spPr>
          <a:xfrm>
            <a:off x="668337" y="367199"/>
            <a:ext cx="10853736" cy="232875"/>
          </a:xfrm>
          <a:noFill/>
        </p:spPr>
        <p:txBody>
          <a:bodyPr/>
          <a:lstStyle>
            <a:lvl1pPr marL="0" indent="0">
              <a:buNone/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FFDA0978-E9A8-4143-83DE-9F8519EBABA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BAE7FD51-742E-4616-8EFD-3192A89FBCC3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2E2FA32A-939F-4459-BD09-EED4BB10E6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23BF7F8-C32F-4BCC-B95F-94E65850F290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086348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orytelling, Lin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110">
            <a:extLst>
              <a:ext uri="{FF2B5EF4-FFF2-40B4-BE49-F238E27FC236}">
                <a16:creationId xmlns:a16="http://schemas.microsoft.com/office/drawing/2014/main" id="{8815AA31-1552-45D8-B220-A4A0E7DBD955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6858000"/>
          </a:xfrm>
          <a:solidFill>
            <a:srgbClr val="042947">
              <a:alpha val="80000"/>
            </a:srgbClr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04ADE63B-6B2A-43E9-A076-AC6A216D68CE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664329 w 12192000"/>
              <a:gd name="connsiteY4" fmla="*/ 5933496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53328 w 12192000"/>
              <a:gd name="connsiteY4" fmla="*/ 5930970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664329 w 12192000"/>
              <a:gd name="connsiteY4" fmla="*/ 5933496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664329 w 12192000"/>
              <a:gd name="connsiteY3" fmla="*/ 5933496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192000" h="5937924">
                <a:moveTo>
                  <a:pt x="0" y="0"/>
                </a:moveTo>
                <a:lnTo>
                  <a:pt x="12192000" y="0"/>
                </a:lnTo>
                <a:lnTo>
                  <a:pt x="12192000" y="5937924"/>
                </a:lnTo>
                <a:lnTo>
                  <a:pt x="0" y="5937924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tIns="144000"/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A91EC6-D7E4-468B-8E95-54AFE7AC07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600" y="4393579"/>
            <a:ext cx="10852475" cy="1556371"/>
          </a:xfrm>
        </p:spPr>
        <p:txBody>
          <a:bodyPr lIns="0" anchor="t" anchorCtr="0">
            <a:normAutofit/>
          </a:bodyPr>
          <a:lstStyle>
            <a:lvl1pPr>
              <a:defRPr sz="5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0F23298-8AFA-43D2-9D73-4D74A4ED9FE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69600" y="2853962"/>
            <a:ext cx="10852475" cy="978748"/>
          </a:xfrm>
        </p:spPr>
        <p:txBody>
          <a:bodyPr lIns="0" anchor="b" anchorCtr="0"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BC0E47F-88D8-4DA6-AFA4-480CFAB4F8EE}"/>
              </a:ext>
            </a:extLst>
          </p:cNvPr>
          <p:cNvSpPr>
            <a:spLocks noGrp="1"/>
          </p:cNvSpPr>
          <p:nvPr>
            <p:ph type="dt" sz="half" idx="27"/>
          </p:nvPr>
        </p:nvSpPr>
        <p:spPr/>
        <p:txBody>
          <a:bodyPr/>
          <a:lstStyle/>
          <a:p>
            <a:fld id="{A470537D-23FC-488B-9E24-5F8DD07DB02B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669F5B8-2643-4E2E-8DDB-5F41B68137DE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2" name="Line Text Placeholder 67">
            <a:extLst>
              <a:ext uri="{FF2B5EF4-FFF2-40B4-BE49-F238E27FC236}">
                <a16:creationId xmlns:a16="http://schemas.microsoft.com/office/drawing/2014/main" id="{B01DE696-2627-4800-9DE1-365E4F3BC59B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668338" y="4059935"/>
            <a:ext cx="1105200" cy="12700"/>
          </a:xfrm>
          <a:solidFill>
            <a:schemeClr val="accent3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 marL="179387" indent="0">
              <a:buNone/>
              <a:defRPr sz="100"/>
            </a:lvl2pPr>
            <a:lvl3pPr marL="358775" indent="0">
              <a:buNone/>
              <a:defRPr sz="100"/>
            </a:lvl3pPr>
            <a:lvl4pPr marL="538162" indent="0">
              <a:buNone/>
              <a:defRPr sz="100"/>
            </a:lvl4pPr>
            <a:lvl5pPr>
              <a:buNone/>
              <a:defRPr sz="100"/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D3C8B88-3252-4BCC-8D32-327ACF00AF8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91344" y="6548400"/>
            <a:ext cx="332689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B66AC8C-8994-4EBC-902D-329042A9C48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315541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orytelling, Content,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110">
            <a:extLst>
              <a:ext uri="{FF2B5EF4-FFF2-40B4-BE49-F238E27FC236}">
                <a16:creationId xmlns:a16="http://schemas.microsoft.com/office/drawing/2014/main" id="{995DEA40-A80D-4518-8D73-1FC8D6BBD7D6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6858000"/>
          </a:xfrm>
          <a:solidFill>
            <a:srgbClr val="042947">
              <a:alpha val="80000"/>
            </a:srgbClr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04ADE63B-6B2A-43E9-A076-AC6A216D68CE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664329 w 12192000"/>
              <a:gd name="connsiteY4" fmla="*/ 5933496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53328 w 12192000"/>
              <a:gd name="connsiteY4" fmla="*/ 5930970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664329 w 12192000"/>
              <a:gd name="connsiteY4" fmla="*/ 5933496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664329 w 12192000"/>
              <a:gd name="connsiteY3" fmla="*/ 5933496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192000" h="5937924">
                <a:moveTo>
                  <a:pt x="0" y="0"/>
                </a:moveTo>
                <a:lnTo>
                  <a:pt x="12192000" y="0"/>
                </a:lnTo>
                <a:lnTo>
                  <a:pt x="12192000" y="5937924"/>
                </a:lnTo>
                <a:lnTo>
                  <a:pt x="0" y="5937924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tIns="144000"/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A91EC6-D7E4-468B-8E95-54AFE7AC07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600" y="3399144"/>
            <a:ext cx="7163125" cy="2520951"/>
          </a:xfrm>
        </p:spPr>
        <p:txBody>
          <a:bodyPr lIns="0" anchor="t" anchorCtr="0">
            <a:noAutofit/>
          </a:bodyPr>
          <a:lstStyle>
            <a:lvl1pPr>
              <a:defRPr sz="5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0F23298-8AFA-43D2-9D73-4D74A4ED9FE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69600" y="1764623"/>
            <a:ext cx="7163125" cy="1073826"/>
          </a:xfrm>
        </p:spPr>
        <p:txBody>
          <a:bodyPr lIns="0" anchor="b" anchorCtr="0">
            <a:noAutofit/>
          </a:bodyPr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BC2F1E1-D866-4854-A37D-47E9CA00678E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048625" y="3429000"/>
            <a:ext cx="3473775" cy="2520951"/>
          </a:xfrm>
        </p:spPr>
        <p:txBody>
          <a:bodyPr tIns="36000">
            <a:noAutofit/>
          </a:bodyPr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  <a:lvl2pPr marL="179387" indent="0">
              <a:buFontTx/>
              <a:buNone/>
              <a:defRPr>
                <a:solidFill>
                  <a:schemeClr val="bg1"/>
                </a:solidFill>
              </a:defRPr>
            </a:lvl2pPr>
            <a:lvl3pPr marL="358775" indent="0">
              <a:buFontTx/>
              <a:buNone/>
              <a:defRPr>
                <a:solidFill>
                  <a:schemeClr val="bg1"/>
                </a:solidFill>
              </a:defRPr>
            </a:lvl3pPr>
            <a:lvl4pPr marL="538162" indent="0">
              <a:buFontTx/>
              <a:buNone/>
              <a:defRPr>
                <a:solidFill>
                  <a:schemeClr val="bg1"/>
                </a:solidFill>
              </a:defRPr>
            </a:lvl4pPr>
            <a:lvl5pPr marL="717550" indent="0">
              <a:buFontTx/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F1D46DC7-6CC9-4D2D-97D6-090251450DDF}"/>
              </a:ext>
            </a:extLst>
          </p:cNvPr>
          <p:cNvSpPr>
            <a:spLocks noGrp="1"/>
          </p:cNvSpPr>
          <p:nvPr>
            <p:ph type="dt" sz="half" idx="27"/>
          </p:nvPr>
        </p:nvSpPr>
        <p:spPr/>
        <p:txBody>
          <a:bodyPr/>
          <a:lstStyle/>
          <a:p>
            <a:fld id="{66949949-BE8E-40EE-A152-C5A8416E8845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3" name="Footer Placeholder 12" hidden="1">
            <a:extLst>
              <a:ext uri="{FF2B5EF4-FFF2-40B4-BE49-F238E27FC236}">
                <a16:creationId xmlns:a16="http://schemas.microsoft.com/office/drawing/2014/main" id="{3AEBA83F-7435-47E3-A668-14F0DD66816E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Line Text Placeholder 67">
            <a:extLst>
              <a:ext uri="{FF2B5EF4-FFF2-40B4-BE49-F238E27FC236}">
                <a16:creationId xmlns:a16="http://schemas.microsoft.com/office/drawing/2014/main" id="{A75FE89F-98D4-4FA0-A89A-4288EF9BAA04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668338" y="3063476"/>
            <a:ext cx="1105200" cy="12700"/>
          </a:xfrm>
          <a:solidFill>
            <a:schemeClr val="accent3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 marL="179387" indent="0">
              <a:buNone/>
              <a:defRPr sz="100"/>
            </a:lvl2pPr>
            <a:lvl3pPr marL="358775" indent="0">
              <a:buNone/>
              <a:defRPr sz="100"/>
            </a:lvl3pPr>
            <a:lvl4pPr marL="538162" indent="0">
              <a:buNone/>
              <a:defRPr sz="100"/>
            </a:lvl4pPr>
            <a:lvl5pPr>
              <a:buNone/>
              <a:defRPr sz="100"/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32B4886C-7ED3-4556-8C00-A9F7BACC6C40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402072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Section Header, blu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FA1D4A83-008F-4444-8701-D01E84268BA5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5950800"/>
          </a:xfrm>
          <a:custGeom>
            <a:avLst/>
            <a:gdLst>
              <a:gd name="connsiteX0" fmla="*/ 0 w 12193200"/>
              <a:gd name="connsiteY0" fmla="*/ 0 h 5950800"/>
              <a:gd name="connsiteX1" fmla="*/ 12193200 w 12193200"/>
              <a:gd name="connsiteY1" fmla="*/ 0 h 5950800"/>
              <a:gd name="connsiteX2" fmla="*/ 12193200 w 12193200"/>
              <a:gd name="connsiteY2" fmla="*/ 5950800 h 5950800"/>
              <a:gd name="connsiteX3" fmla="*/ 923945 w 12193200"/>
              <a:gd name="connsiteY3" fmla="*/ 5950800 h 5950800"/>
              <a:gd name="connsiteX4" fmla="*/ 670916 w 12193200"/>
              <a:gd name="connsiteY4" fmla="*/ 5697772 h 5950800"/>
              <a:gd name="connsiteX5" fmla="*/ 417888 w 12193200"/>
              <a:gd name="connsiteY5" fmla="*/ 5950800 h 5950800"/>
              <a:gd name="connsiteX6" fmla="*/ 0 w 12193200"/>
              <a:gd name="connsiteY6" fmla="*/ 5950800 h 5950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3200" h="5950800">
                <a:moveTo>
                  <a:pt x="0" y="0"/>
                </a:moveTo>
                <a:lnTo>
                  <a:pt x="12193200" y="0"/>
                </a:lnTo>
                <a:lnTo>
                  <a:pt x="12193200" y="5950800"/>
                </a:lnTo>
                <a:lnTo>
                  <a:pt x="923945" y="5950800"/>
                </a:lnTo>
                <a:lnTo>
                  <a:pt x="670916" y="5697772"/>
                </a:lnTo>
                <a:lnTo>
                  <a:pt x="417888" y="5950800"/>
                </a:lnTo>
                <a:lnTo>
                  <a:pt x="0" y="5950800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07DE6FC6-8363-4DAA-98A9-9FEACCD971EB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12192000" cy="5949950"/>
          </a:xfrm>
          <a:custGeom>
            <a:avLst/>
            <a:gdLst>
              <a:gd name="connsiteX0" fmla="*/ 0 w 12192000"/>
              <a:gd name="connsiteY0" fmla="*/ 0 h 5949950"/>
              <a:gd name="connsiteX1" fmla="*/ 12192000 w 12192000"/>
              <a:gd name="connsiteY1" fmla="*/ 0 h 5949950"/>
              <a:gd name="connsiteX2" fmla="*/ 12192000 w 12192000"/>
              <a:gd name="connsiteY2" fmla="*/ 5949950 h 5949950"/>
              <a:gd name="connsiteX3" fmla="*/ 923095 w 12192000"/>
              <a:gd name="connsiteY3" fmla="*/ 5949950 h 5949950"/>
              <a:gd name="connsiteX4" fmla="*/ 670916 w 12192000"/>
              <a:gd name="connsiteY4" fmla="*/ 5697772 h 5949950"/>
              <a:gd name="connsiteX5" fmla="*/ 418738 w 12192000"/>
              <a:gd name="connsiteY5" fmla="*/ 5949950 h 5949950"/>
              <a:gd name="connsiteX6" fmla="*/ 0 w 12192000"/>
              <a:gd name="connsiteY6" fmla="*/ 5949950 h 59499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2000" h="5949950">
                <a:moveTo>
                  <a:pt x="0" y="0"/>
                </a:moveTo>
                <a:lnTo>
                  <a:pt x="12192000" y="0"/>
                </a:lnTo>
                <a:lnTo>
                  <a:pt x="12192000" y="5949950"/>
                </a:lnTo>
                <a:lnTo>
                  <a:pt x="923095" y="5949950"/>
                </a:lnTo>
                <a:lnTo>
                  <a:pt x="670916" y="5697772"/>
                </a:lnTo>
                <a:lnTo>
                  <a:pt x="418738" y="5949950"/>
                </a:lnTo>
                <a:lnTo>
                  <a:pt x="0" y="594995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144000">
            <a:noAutofit/>
          </a:bodyPr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4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A91EC6-D7E4-468B-8E95-54AFE7AC07A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8338" y="1483200"/>
            <a:ext cx="10853737" cy="2249488"/>
          </a:xfrm>
          <a:prstGeom prst="rect">
            <a:avLst/>
          </a:prstGeom>
        </p:spPr>
        <p:txBody>
          <a:bodyPr lIns="0" anchor="t" anchorCtr="0">
            <a:normAutofit/>
          </a:bodyPr>
          <a:lstStyle>
            <a:lvl1pPr>
              <a:defRPr sz="5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0F23298-8AFA-43D2-9D73-4D74A4ED9FE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68338" y="3818996"/>
            <a:ext cx="10853737" cy="1500187"/>
          </a:xfrm>
        </p:spPr>
        <p:txBody>
          <a:bodyPr lIns="0"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FFDA0978-E9A8-4143-83DE-9F8519EBABA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63A39B5C-6757-47D9-B91E-B17805315F32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2E2FA32A-939F-4459-BD09-EED4BB10E6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23BF7F8-C32F-4BCC-B95F-94E65850F290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380693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ytelling,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110">
            <a:extLst>
              <a:ext uri="{FF2B5EF4-FFF2-40B4-BE49-F238E27FC236}">
                <a16:creationId xmlns:a16="http://schemas.microsoft.com/office/drawing/2014/main" id="{9BD4AA6F-6858-4B56-889B-ABEFEA804360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5949950"/>
          </a:xfrm>
          <a:solidFill>
            <a:srgbClr val="042947">
              <a:alpha val="80000"/>
            </a:srgbClr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31D7325E-1ABD-46C6-9675-BD37B7D7E46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12192000" cy="5949950"/>
          </a:xfrm>
          <a:custGeom>
            <a:avLst/>
            <a:gdLst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664329 w 12192000"/>
              <a:gd name="connsiteY4" fmla="*/ 5933496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53328 w 12192000"/>
              <a:gd name="connsiteY4" fmla="*/ 5930970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6858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664329 w 12192000"/>
              <a:gd name="connsiteY4" fmla="*/ 5936858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664329 w 12192000"/>
              <a:gd name="connsiteY3" fmla="*/ 5936858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192000" h="5937924">
                <a:moveTo>
                  <a:pt x="0" y="0"/>
                </a:moveTo>
                <a:lnTo>
                  <a:pt x="12192000" y="0"/>
                </a:lnTo>
                <a:lnTo>
                  <a:pt x="12192000" y="5937924"/>
                </a:lnTo>
                <a:lnTo>
                  <a:pt x="0" y="5937924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tIns="144000">
            <a:normAutofit/>
          </a:bodyPr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4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A91EC6-D7E4-468B-8E95-54AFE7AC07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40" y="368301"/>
            <a:ext cx="7164386" cy="2374899"/>
          </a:xfrm>
          <a:prstGeom prst="rect">
            <a:avLst/>
          </a:prstGeom>
        </p:spPr>
        <p:txBody>
          <a:bodyPr lIns="0" anchor="t" anchorCtr="0">
            <a:normAutofit/>
          </a:bodyPr>
          <a:lstStyle>
            <a:lvl1pPr algn="l">
              <a:lnSpc>
                <a:spcPts val="6000"/>
              </a:lnSpc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44826911-8F15-482B-93A3-0DAE5DB1AABA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669601" y="4009292"/>
            <a:ext cx="3472188" cy="1635369"/>
          </a:xfrm>
        </p:spPr>
        <p:txBody>
          <a:bodyPr tIns="36000">
            <a:noAutofit/>
          </a:bodyPr>
          <a:lstStyle>
            <a:lvl1pPr marL="0" indent="0" algn="ctr">
              <a:buFontTx/>
              <a:buNone/>
              <a:defRPr sz="1600">
                <a:solidFill>
                  <a:schemeClr val="bg1"/>
                </a:solidFill>
              </a:defRPr>
            </a:lvl1pPr>
            <a:lvl2pPr marL="179387" indent="0">
              <a:buFontTx/>
              <a:buNone/>
              <a:defRPr>
                <a:solidFill>
                  <a:schemeClr val="bg1"/>
                </a:solidFill>
              </a:defRPr>
            </a:lvl2pPr>
            <a:lvl3pPr marL="358775" indent="0">
              <a:buFontTx/>
              <a:buNone/>
              <a:defRPr>
                <a:solidFill>
                  <a:schemeClr val="bg1"/>
                </a:solidFill>
              </a:defRPr>
            </a:lvl3pPr>
            <a:lvl4pPr marL="538162" indent="0">
              <a:buFontTx/>
              <a:buNone/>
              <a:defRPr>
                <a:solidFill>
                  <a:schemeClr val="bg1"/>
                </a:solidFill>
              </a:defRPr>
            </a:lvl4pPr>
            <a:lvl5pPr marL="717550" indent="0">
              <a:buFontTx/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34694EAC-DD9B-4821-8C7B-812BCE149DB6}"/>
              </a:ext>
            </a:extLst>
          </p:cNvPr>
          <p:cNvSpPr>
            <a:spLocks noGrp="1"/>
          </p:cNvSpPr>
          <p:nvPr>
            <p:ph type="body" sz="quarter" idx="121"/>
          </p:nvPr>
        </p:nvSpPr>
        <p:spPr>
          <a:xfrm>
            <a:off x="4358675" y="4009292"/>
            <a:ext cx="3474649" cy="1635369"/>
          </a:xfrm>
        </p:spPr>
        <p:txBody>
          <a:bodyPr tIns="36000">
            <a:noAutofit/>
          </a:bodyPr>
          <a:lstStyle>
            <a:lvl1pPr marL="0" indent="0" algn="ctr">
              <a:buFontTx/>
              <a:buNone/>
              <a:defRPr sz="1600">
                <a:solidFill>
                  <a:schemeClr val="bg1"/>
                </a:solidFill>
              </a:defRPr>
            </a:lvl1pPr>
            <a:lvl2pPr marL="179387" indent="0">
              <a:buFontTx/>
              <a:buNone/>
              <a:defRPr>
                <a:solidFill>
                  <a:schemeClr val="bg1"/>
                </a:solidFill>
              </a:defRPr>
            </a:lvl2pPr>
            <a:lvl3pPr marL="358775" indent="0">
              <a:buFontTx/>
              <a:buNone/>
              <a:defRPr>
                <a:solidFill>
                  <a:schemeClr val="bg1"/>
                </a:solidFill>
              </a:defRPr>
            </a:lvl3pPr>
            <a:lvl4pPr marL="538162" indent="0">
              <a:buFontTx/>
              <a:buNone/>
              <a:defRPr>
                <a:solidFill>
                  <a:schemeClr val="bg1"/>
                </a:solidFill>
              </a:defRPr>
            </a:lvl4pPr>
            <a:lvl5pPr marL="717550" indent="0">
              <a:buFontTx/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3E9CBEAB-D1EA-4D75-AA70-3F1504DFD4A6}"/>
              </a:ext>
            </a:extLst>
          </p:cNvPr>
          <p:cNvSpPr>
            <a:spLocks noGrp="1"/>
          </p:cNvSpPr>
          <p:nvPr>
            <p:ph type="body" sz="quarter" idx="122"/>
          </p:nvPr>
        </p:nvSpPr>
        <p:spPr>
          <a:xfrm>
            <a:off x="8048625" y="4009292"/>
            <a:ext cx="3473450" cy="1635369"/>
          </a:xfrm>
        </p:spPr>
        <p:txBody>
          <a:bodyPr tIns="36000">
            <a:noAutofit/>
          </a:bodyPr>
          <a:lstStyle>
            <a:lvl1pPr marL="0" indent="0" algn="ctr">
              <a:buFontTx/>
              <a:buNone/>
              <a:defRPr sz="1600">
                <a:solidFill>
                  <a:schemeClr val="bg1"/>
                </a:solidFill>
              </a:defRPr>
            </a:lvl1pPr>
            <a:lvl2pPr marL="179387" indent="0">
              <a:buFontTx/>
              <a:buNone/>
              <a:defRPr>
                <a:solidFill>
                  <a:schemeClr val="bg1"/>
                </a:solidFill>
              </a:defRPr>
            </a:lvl2pPr>
            <a:lvl3pPr marL="358775" indent="0">
              <a:buFontTx/>
              <a:buNone/>
              <a:defRPr>
                <a:solidFill>
                  <a:schemeClr val="bg1"/>
                </a:solidFill>
              </a:defRPr>
            </a:lvl3pPr>
            <a:lvl4pPr marL="538162" indent="0">
              <a:buFontTx/>
              <a:buNone/>
              <a:defRPr>
                <a:solidFill>
                  <a:schemeClr val="bg1"/>
                </a:solidFill>
              </a:defRPr>
            </a:lvl4pPr>
            <a:lvl5pPr marL="717550" indent="0">
              <a:buFontTx/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FFDA0978-E9A8-4143-83DE-9F8519EBABA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BAE7FD51-742E-4616-8EFD-3192A89FBCC3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2E2FA32A-939F-4459-BD09-EED4BB10E6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70C4DC2-6907-42DF-9C68-20543C14CCF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23BF7F8-C32F-4BCC-B95F-94E65850F290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1662160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reeform: Shape 16">
            <a:extLst>
              <a:ext uri="{FF2B5EF4-FFF2-40B4-BE49-F238E27FC236}">
                <a16:creationId xmlns:a16="http://schemas.microsoft.com/office/drawing/2014/main" id="{F889E621-E112-455C-993A-C511EB1B283A}"/>
              </a:ext>
            </a:extLst>
          </p:cNvPr>
          <p:cNvSpPr/>
          <p:nvPr userDrawn="1"/>
        </p:nvSpPr>
        <p:spPr>
          <a:xfrm>
            <a:off x="0" y="0"/>
            <a:ext cx="12192000" cy="5949950"/>
          </a:xfrm>
          <a:custGeom>
            <a:avLst/>
            <a:gdLst>
              <a:gd name="connsiteX0" fmla="*/ 0 w 12192000"/>
              <a:gd name="connsiteY0" fmla="*/ 0 h 5949950"/>
              <a:gd name="connsiteX1" fmla="*/ 12192000 w 12192000"/>
              <a:gd name="connsiteY1" fmla="*/ 0 h 5949950"/>
              <a:gd name="connsiteX2" fmla="*/ 12192000 w 12192000"/>
              <a:gd name="connsiteY2" fmla="*/ 5949950 h 5949950"/>
              <a:gd name="connsiteX3" fmla="*/ 923095 w 12192000"/>
              <a:gd name="connsiteY3" fmla="*/ 5949950 h 5949950"/>
              <a:gd name="connsiteX4" fmla="*/ 670916 w 12192000"/>
              <a:gd name="connsiteY4" fmla="*/ 5697772 h 5949950"/>
              <a:gd name="connsiteX5" fmla="*/ 418738 w 12192000"/>
              <a:gd name="connsiteY5" fmla="*/ 5949950 h 5949950"/>
              <a:gd name="connsiteX6" fmla="*/ 0 w 12192000"/>
              <a:gd name="connsiteY6" fmla="*/ 5949950 h 59499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2000" h="5949950">
                <a:moveTo>
                  <a:pt x="0" y="0"/>
                </a:moveTo>
                <a:lnTo>
                  <a:pt x="12192000" y="0"/>
                </a:lnTo>
                <a:lnTo>
                  <a:pt x="12192000" y="5949950"/>
                </a:lnTo>
                <a:lnTo>
                  <a:pt x="923095" y="5949950"/>
                </a:lnTo>
                <a:lnTo>
                  <a:pt x="670916" y="5697772"/>
                </a:lnTo>
                <a:lnTo>
                  <a:pt x="418738" y="5949950"/>
                </a:lnTo>
                <a:lnTo>
                  <a:pt x="0" y="5949950"/>
                </a:lnTo>
                <a:close/>
              </a:path>
            </a:pathLst>
          </a:cu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691474A-6535-47A3-861E-0A0E260E14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13013" y="1484313"/>
            <a:ext cx="7164387" cy="1648186"/>
          </a:xfrm>
        </p:spPr>
        <p:txBody>
          <a:bodyPr anchor="ctr" anchorCtr="0"/>
          <a:lstStyle>
            <a:lvl1pPr algn="ctr"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27EDDE0-C46F-47D3-BBC8-30FD9899458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3013" y="3132499"/>
            <a:ext cx="7164386" cy="653847"/>
          </a:xfrm>
        </p:spPr>
        <p:txBody>
          <a:bodyPr anchor="b" anchorCtr="0"/>
          <a:lstStyle>
            <a:lvl1pPr marL="0" indent="0" algn="ctr">
              <a:buNone/>
              <a:defRPr sz="1600" b="1" cap="all" baseline="0">
                <a:solidFill>
                  <a:schemeClr val="bg1"/>
                </a:solidFill>
              </a:defRPr>
            </a:lvl1pPr>
            <a:lvl2pPr marL="179387" indent="0" algn="ctr">
              <a:buNone/>
              <a:defRPr>
                <a:solidFill>
                  <a:schemeClr val="bg1"/>
                </a:solidFill>
              </a:defRPr>
            </a:lvl2pPr>
            <a:lvl3pPr marL="358775" indent="0" algn="ctr">
              <a:buNone/>
              <a:defRPr>
                <a:solidFill>
                  <a:schemeClr val="bg1"/>
                </a:solidFill>
              </a:defRPr>
            </a:lvl3pPr>
            <a:lvl4pPr marL="538162" indent="0" algn="ctr">
              <a:buNone/>
              <a:defRPr>
                <a:solidFill>
                  <a:schemeClr val="bg1"/>
                </a:solidFill>
              </a:defRPr>
            </a:lvl4pPr>
            <a:lvl5pPr algn="ctr"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CD2332E-6335-4F6E-9C83-6DA20A82044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68339" y="6136758"/>
            <a:ext cx="9009060" cy="591642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None/>
              <a:defRPr sz="70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0" indent="0">
              <a:spcAft>
                <a:spcPts val="0"/>
              </a:spcAft>
              <a:buNone/>
              <a:defRPr sz="700">
                <a:solidFill>
                  <a:schemeClr val="tx1">
                    <a:lumMod val="60000"/>
                    <a:lumOff val="40000"/>
                  </a:schemeClr>
                </a:solidFill>
              </a:defRPr>
            </a:lvl2pPr>
            <a:lvl3pPr marL="0" indent="0">
              <a:spcAft>
                <a:spcPts val="0"/>
              </a:spcAft>
              <a:buNone/>
              <a:defRPr sz="700">
                <a:solidFill>
                  <a:schemeClr val="tx1">
                    <a:lumMod val="60000"/>
                    <a:lumOff val="40000"/>
                  </a:schemeClr>
                </a:solidFill>
              </a:defRPr>
            </a:lvl3pPr>
            <a:lvl4pPr marL="0" indent="0">
              <a:spcAft>
                <a:spcPts val="0"/>
              </a:spcAft>
              <a:buNone/>
              <a:defRPr sz="700">
                <a:solidFill>
                  <a:schemeClr val="tx1">
                    <a:lumMod val="60000"/>
                    <a:lumOff val="40000"/>
                  </a:schemeClr>
                </a:solidFill>
              </a:defRPr>
            </a:lvl4pPr>
            <a:lvl5pPr marL="0" indent="0">
              <a:spcAft>
                <a:spcPts val="0"/>
              </a:spcAft>
              <a:buNone/>
              <a:defRPr sz="700">
                <a:solidFill>
                  <a:schemeClr val="tx1">
                    <a:lumMod val="60000"/>
                    <a:lumOff val="4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add disclaimer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30512D89-C2B9-4A40-BCA9-7148FD63F6F9}"/>
              </a:ext>
            </a:extLst>
          </p:cNvPr>
          <p:cNvSpPr>
            <a:spLocks noGrp="1"/>
          </p:cNvSpPr>
          <p:nvPr userDrawn="1">
            <p:ph type="dt" sz="half" idx="10"/>
          </p:nvPr>
        </p:nvSpPr>
        <p:spPr/>
        <p:txBody>
          <a:bodyPr/>
          <a:lstStyle/>
          <a:p>
            <a:fld id="{EE97BE16-9CD1-4EA4-B2BB-A41C1BDEAF80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B179F40-EA5B-49B0-A8F7-496119375234}"/>
              </a:ext>
            </a:extLst>
          </p:cNvPr>
          <p:cNvSpPr>
            <a:spLocks noGrp="1"/>
          </p:cNvSpPr>
          <p:nvPr userDrawn="1"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BB416586-4B70-4ED4-AE68-4B879FFC52C0}"/>
              </a:ext>
            </a:extLst>
          </p:cNvPr>
          <p:cNvGrpSpPr/>
          <p:nvPr userDrawn="1"/>
        </p:nvGrpSpPr>
        <p:grpSpPr>
          <a:xfrm>
            <a:off x="4443256" y="3975029"/>
            <a:ext cx="3233792" cy="468000"/>
            <a:chOff x="4443256" y="4481859"/>
            <a:chExt cx="3233792" cy="468000"/>
          </a:xfrm>
        </p:grpSpPr>
        <p:pic>
          <p:nvPicPr>
            <p:cNvPr id="29" name="Graphic 28">
              <a:extLst>
                <a:ext uri="{FF2B5EF4-FFF2-40B4-BE49-F238E27FC236}">
                  <a16:creationId xmlns:a16="http://schemas.microsoft.com/office/drawing/2014/main" id="{E2AD1CA4-9272-43B6-9AC1-3FF0E74C8020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43256" y="4481859"/>
              <a:ext cx="468000" cy="468000"/>
            </a:xfrm>
            <a:prstGeom prst="rect">
              <a:avLst/>
            </a:prstGeom>
          </p:spPr>
        </p:pic>
        <p:pic>
          <p:nvPicPr>
            <p:cNvPr id="30" name="Graphic 29">
              <a:extLst>
                <a:ext uri="{FF2B5EF4-FFF2-40B4-BE49-F238E27FC236}">
                  <a16:creationId xmlns:a16="http://schemas.microsoft.com/office/drawing/2014/main" id="{C74C08A7-5C21-4ACB-8974-E0FA959CD65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996414" y="4481859"/>
              <a:ext cx="468000" cy="468000"/>
            </a:xfrm>
            <a:prstGeom prst="rect">
              <a:avLst/>
            </a:prstGeom>
          </p:spPr>
        </p:pic>
        <p:pic>
          <p:nvPicPr>
            <p:cNvPr id="31" name="Graphic 30">
              <a:extLst>
                <a:ext uri="{FF2B5EF4-FFF2-40B4-BE49-F238E27FC236}">
                  <a16:creationId xmlns:a16="http://schemas.microsoft.com/office/drawing/2014/main" id="{DF9EB56B-24C9-4578-8FF6-50E6D6AF4FA0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7209048" y="4481859"/>
              <a:ext cx="468000" cy="468000"/>
            </a:xfrm>
            <a:prstGeom prst="rect">
              <a:avLst/>
            </a:prstGeom>
          </p:spPr>
        </p:pic>
        <p:pic>
          <p:nvPicPr>
            <p:cNvPr id="32" name="Graphic 31">
              <a:extLst>
                <a:ext uri="{FF2B5EF4-FFF2-40B4-BE49-F238E27FC236}">
                  <a16:creationId xmlns:a16="http://schemas.microsoft.com/office/drawing/2014/main" id="{AD4938B4-269F-4B30-BA2B-F01BB199845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5549572" y="4481859"/>
              <a:ext cx="468000" cy="468000"/>
            </a:xfrm>
            <a:prstGeom prst="rect">
              <a:avLst/>
            </a:prstGeom>
          </p:spPr>
        </p:pic>
        <p:pic>
          <p:nvPicPr>
            <p:cNvPr id="33" name="Graphic 32">
              <a:extLst>
                <a:ext uri="{FF2B5EF4-FFF2-40B4-BE49-F238E27FC236}">
                  <a16:creationId xmlns:a16="http://schemas.microsoft.com/office/drawing/2014/main" id="{98C14593-8988-4A42-8436-4E40BCE671B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tretch>
              <a:fillRect/>
            </a:stretch>
          </p:blipFill>
          <p:spPr>
            <a:xfrm>
              <a:off x="6655888" y="4481859"/>
              <a:ext cx="468000" cy="468000"/>
            </a:xfrm>
            <a:prstGeom prst="rect">
              <a:avLst/>
            </a:prstGeom>
          </p:spPr>
        </p:pic>
        <p:pic>
          <p:nvPicPr>
            <p:cNvPr id="34" name="Graphic 33">
              <a:extLst>
                <a:ext uri="{FF2B5EF4-FFF2-40B4-BE49-F238E27FC236}">
                  <a16:creationId xmlns:a16="http://schemas.microsoft.com/office/drawing/2014/main" id="{A8E240B0-1D4B-4E18-A329-6D73EC04C64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>
              <a:off x="6102730" y="4481859"/>
              <a:ext cx="468000" cy="468000"/>
            </a:xfrm>
            <a:prstGeom prst="rect">
              <a:avLst/>
            </a:prstGeom>
          </p:spPr>
        </p:pic>
      </p:grp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760702A-B658-457F-A33B-189836A6A6A7}"/>
              </a:ext>
            </a:extLst>
          </p:cNvPr>
          <p:cNvSpPr>
            <a:spLocks noGrp="1"/>
          </p:cNvSpPr>
          <p:nvPr userDrawn="1">
            <p:ph type="sldNum" sz="quarter" idx="12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0172407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BA3E8F5D-E79B-4F5C-ADAF-4393BB486116}" type="datetime4">
              <a:rPr lang="en-US" smtClean="0"/>
              <a:t>May 24, 2022</a:t>
            </a:fld>
            <a:endParaRPr lang="en-US" dirty="0"/>
          </a:p>
        </p:txBody>
      </p:sp>
      <p:sp>
        <p:nvSpPr>
          <p:cNvPr id="10" name="Footer Placeholder 3" hidden="1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 hidden="1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6930705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Section Header, blu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31D7325E-1ABD-46C6-9675-BD37B7D7E46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12192000" cy="5949950"/>
          </a:xfrm>
          <a:custGeom>
            <a:avLst/>
            <a:gdLst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664329 w 12192000"/>
              <a:gd name="connsiteY4" fmla="*/ 5933496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53328 w 12192000"/>
              <a:gd name="connsiteY4" fmla="*/ 5930970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47137 w 12192000"/>
              <a:gd name="connsiteY3" fmla="*/ 5931673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3496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1060906 w 12192000"/>
              <a:gd name="connsiteY4" fmla="*/ 5544497 h 5937924"/>
              <a:gd name="connsiteX5" fmla="*/ 664329 w 12192000"/>
              <a:gd name="connsiteY5" fmla="*/ 5936858 h 5937924"/>
              <a:gd name="connsiteX6" fmla="*/ 0 w 12192000"/>
              <a:gd name="connsiteY6" fmla="*/ 5937924 h 5937924"/>
              <a:gd name="connsiteX7" fmla="*/ 0 w 12192000"/>
              <a:gd name="connsiteY7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1459778 w 12192000"/>
              <a:gd name="connsiteY3" fmla="*/ 5935887 h 5937924"/>
              <a:gd name="connsiteX4" fmla="*/ 664329 w 12192000"/>
              <a:gd name="connsiteY4" fmla="*/ 5936858 h 5937924"/>
              <a:gd name="connsiteX5" fmla="*/ 0 w 12192000"/>
              <a:gd name="connsiteY5" fmla="*/ 5937924 h 5937924"/>
              <a:gd name="connsiteX6" fmla="*/ 0 w 12192000"/>
              <a:gd name="connsiteY6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664329 w 12192000"/>
              <a:gd name="connsiteY3" fmla="*/ 5936858 h 5937924"/>
              <a:gd name="connsiteX4" fmla="*/ 0 w 12192000"/>
              <a:gd name="connsiteY4" fmla="*/ 5937924 h 5937924"/>
              <a:gd name="connsiteX5" fmla="*/ 0 w 12192000"/>
              <a:gd name="connsiteY5" fmla="*/ 0 h 5937924"/>
              <a:gd name="connsiteX0" fmla="*/ 0 w 12192000"/>
              <a:gd name="connsiteY0" fmla="*/ 0 h 5937924"/>
              <a:gd name="connsiteX1" fmla="*/ 12192000 w 12192000"/>
              <a:gd name="connsiteY1" fmla="*/ 0 h 5937924"/>
              <a:gd name="connsiteX2" fmla="*/ 12192000 w 12192000"/>
              <a:gd name="connsiteY2" fmla="*/ 5937924 h 5937924"/>
              <a:gd name="connsiteX3" fmla="*/ 0 w 12192000"/>
              <a:gd name="connsiteY3" fmla="*/ 5937924 h 5937924"/>
              <a:gd name="connsiteX4" fmla="*/ 0 w 12192000"/>
              <a:gd name="connsiteY4" fmla="*/ 0 h 5937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192000" h="5937924">
                <a:moveTo>
                  <a:pt x="0" y="0"/>
                </a:moveTo>
                <a:lnTo>
                  <a:pt x="12192000" y="0"/>
                </a:lnTo>
                <a:lnTo>
                  <a:pt x="12192000" y="5937924"/>
                </a:lnTo>
                <a:lnTo>
                  <a:pt x="0" y="5937924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lIns="9576000" tIns="144000" rIns="669600">
            <a:normAutofit/>
          </a:bodyPr>
          <a:lstStyle>
            <a:lvl1pPr marL="0" marR="0" indent="0" algn="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40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48" name="Text Placeholder 47">
            <a:extLst>
              <a:ext uri="{FF2B5EF4-FFF2-40B4-BE49-F238E27FC236}">
                <a16:creationId xmlns:a16="http://schemas.microsoft.com/office/drawing/2014/main" id="{F40377C1-A3E9-4B90-A03B-974B3FFF5B35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0" y="0"/>
            <a:ext cx="9675576" cy="5949950"/>
          </a:xfrm>
          <a:custGeom>
            <a:avLst/>
            <a:gdLst>
              <a:gd name="connsiteX0" fmla="*/ 0 w 9675576"/>
              <a:gd name="connsiteY0" fmla="*/ 0 h 5949950"/>
              <a:gd name="connsiteX1" fmla="*/ 9675576 w 9675576"/>
              <a:gd name="connsiteY1" fmla="*/ 0 h 5949950"/>
              <a:gd name="connsiteX2" fmla="*/ 9675576 w 9675576"/>
              <a:gd name="connsiteY2" fmla="*/ 2136 h 5949950"/>
              <a:gd name="connsiteX3" fmla="*/ 3824041 w 9675576"/>
              <a:gd name="connsiteY3" fmla="*/ 5949950 h 5949950"/>
              <a:gd name="connsiteX4" fmla="*/ 0 w 9675576"/>
              <a:gd name="connsiteY4" fmla="*/ 5949950 h 59499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675576" h="5949950">
                <a:moveTo>
                  <a:pt x="0" y="0"/>
                </a:moveTo>
                <a:lnTo>
                  <a:pt x="9675576" y="0"/>
                </a:lnTo>
                <a:lnTo>
                  <a:pt x="9675576" y="2136"/>
                </a:lnTo>
                <a:lnTo>
                  <a:pt x="3824041" y="5949950"/>
                </a:lnTo>
                <a:lnTo>
                  <a:pt x="0" y="5949950"/>
                </a:lnTo>
                <a:close/>
              </a:path>
            </a:pathLst>
          </a:custGeom>
          <a:solidFill>
            <a:schemeClr val="accent1">
              <a:alpha val="80000"/>
            </a:schemeClr>
          </a:solidFill>
        </p:spPr>
        <p:txBody>
          <a:bodyPr vert="horz" wrap="square" lIns="669600" tIns="0" rIns="0" bIns="0" rtlCol="0">
            <a:noAutofit/>
          </a:bodyPr>
          <a:lstStyle>
            <a:lvl1pPr marL="0" indent="0" algn="l">
              <a:buFont typeface="Arial" panose="020B0604020202020204" pitchFamily="34" charset="0"/>
              <a:buNone/>
              <a:defRPr lang="en-GB" sz="1200" dirty="0">
                <a:noFill/>
              </a:defRPr>
            </a:lvl1pPr>
          </a:lstStyle>
          <a:p>
            <a:pPr marL="180000" marR="0" lvl="0" indent="-180000" algn="ctr" fontAlgn="base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tabLst/>
            </a:pPr>
            <a:r>
              <a:rPr lang="en-US" dirty="0"/>
              <a:t>Blue overlay do not delet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A91EC6-D7E4-468B-8E95-54AFE7AC07A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8338" y="1483200"/>
            <a:ext cx="5318125" cy="2250000"/>
          </a:xfrm>
        </p:spPr>
        <p:txBody>
          <a:bodyPr lIns="0" anchor="t" anchorCtr="0">
            <a:normAutofit/>
          </a:bodyPr>
          <a:lstStyle>
            <a:lvl1pPr>
              <a:defRPr sz="5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54D32BD-B8D8-4894-80C8-0DADC94E0F6A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68338" y="3818997"/>
            <a:ext cx="4611687" cy="823342"/>
          </a:xfrm>
        </p:spPr>
        <p:txBody>
          <a:bodyPr lIns="0"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8" name="Date Placeholder 52" hidden="1">
            <a:extLst>
              <a:ext uri="{FF2B5EF4-FFF2-40B4-BE49-F238E27FC236}">
                <a16:creationId xmlns:a16="http://schemas.microsoft.com/office/drawing/2014/main" id="{7B02AAB9-09FE-459C-A221-E6216317B917}"/>
              </a:ext>
            </a:extLst>
          </p:cNvPr>
          <p:cNvSpPr>
            <a:spLocks noGrp="1"/>
          </p:cNvSpPr>
          <p:nvPr>
            <p:ph type="dt" sz="half" idx="7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5828D66C-469F-4191-9530-9875881D17AD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D3C8B88-3252-4BCC-8D32-327ACF00AF8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9B66AC8C-8994-4EBC-902D-329042A9C48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53" hidden="1">
            <a:extLst>
              <a:ext uri="{FF2B5EF4-FFF2-40B4-BE49-F238E27FC236}">
                <a16:creationId xmlns:a16="http://schemas.microsoft.com/office/drawing/2014/main" id="{E4D2637A-06DE-452C-9BAA-24F956D1E6C1}"/>
              </a:ext>
            </a:extLst>
          </p:cNvPr>
          <p:cNvSpPr>
            <a:spLocks noGrp="1"/>
          </p:cNvSpPr>
          <p:nvPr>
            <p:ph type="ftr" sz="quarter" idx="7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610127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4FE49DD4-29A2-4022-894E-E9FFE9A059DB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5949950"/>
          </a:xfrm>
          <a:custGeom>
            <a:avLst/>
            <a:gdLst>
              <a:gd name="connsiteX0" fmla="*/ 0 w 12193200"/>
              <a:gd name="connsiteY0" fmla="*/ 0 h 5949950"/>
              <a:gd name="connsiteX1" fmla="*/ 12193200 w 12193200"/>
              <a:gd name="connsiteY1" fmla="*/ 0 h 5949950"/>
              <a:gd name="connsiteX2" fmla="*/ 12193200 w 12193200"/>
              <a:gd name="connsiteY2" fmla="*/ 5949950 h 5949950"/>
              <a:gd name="connsiteX3" fmla="*/ 923095 w 12193200"/>
              <a:gd name="connsiteY3" fmla="*/ 5949950 h 5949950"/>
              <a:gd name="connsiteX4" fmla="*/ 670916 w 12193200"/>
              <a:gd name="connsiteY4" fmla="*/ 5697772 h 5949950"/>
              <a:gd name="connsiteX5" fmla="*/ 418738 w 12193200"/>
              <a:gd name="connsiteY5" fmla="*/ 5949950 h 5949950"/>
              <a:gd name="connsiteX6" fmla="*/ 0 w 12193200"/>
              <a:gd name="connsiteY6" fmla="*/ 5949950 h 59499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3200" h="5949950">
                <a:moveTo>
                  <a:pt x="0" y="0"/>
                </a:moveTo>
                <a:lnTo>
                  <a:pt x="12193200" y="0"/>
                </a:lnTo>
                <a:lnTo>
                  <a:pt x="12193200" y="5949950"/>
                </a:lnTo>
                <a:lnTo>
                  <a:pt x="923095" y="5949950"/>
                </a:lnTo>
                <a:lnTo>
                  <a:pt x="670916" y="5697772"/>
                </a:lnTo>
                <a:lnTo>
                  <a:pt x="418738" y="5949950"/>
                </a:lnTo>
                <a:lnTo>
                  <a:pt x="0" y="5949950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382E3377-873C-49AC-97CA-4B1CB4F30380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12192000" cy="5949950"/>
          </a:xfrm>
          <a:custGeom>
            <a:avLst/>
            <a:gdLst>
              <a:gd name="connsiteX0" fmla="*/ 0 w 12192000"/>
              <a:gd name="connsiteY0" fmla="*/ 0 h 5949950"/>
              <a:gd name="connsiteX1" fmla="*/ 12192000 w 12192000"/>
              <a:gd name="connsiteY1" fmla="*/ 0 h 5949950"/>
              <a:gd name="connsiteX2" fmla="*/ 12192000 w 12192000"/>
              <a:gd name="connsiteY2" fmla="*/ 5949950 h 5949950"/>
              <a:gd name="connsiteX3" fmla="*/ 923095 w 12192000"/>
              <a:gd name="connsiteY3" fmla="*/ 5949950 h 5949950"/>
              <a:gd name="connsiteX4" fmla="*/ 670916 w 12192000"/>
              <a:gd name="connsiteY4" fmla="*/ 5697772 h 5949950"/>
              <a:gd name="connsiteX5" fmla="*/ 418738 w 12192000"/>
              <a:gd name="connsiteY5" fmla="*/ 5949950 h 5949950"/>
              <a:gd name="connsiteX6" fmla="*/ 0 w 12192000"/>
              <a:gd name="connsiteY6" fmla="*/ 5949950 h 59499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2000" h="5949950">
                <a:moveTo>
                  <a:pt x="0" y="0"/>
                </a:moveTo>
                <a:lnTo>
                  <a:pt x="12192000" y="0"/>
                </a:lnTo>
                <a:lnTo>
                  <a:pt x="12192000" y="5949950"/>
                </a:lnTo>
                <a:lnTo>
                  <a:pt x="923095" y="5949950"/>
                </a:lnTo>
                <a:lnTo>
                  <a:pt x="670916" y="5697772"/>
                </a:lnTo>
                <a:lnTo>
                  <a:pt x="418738" y="5949950"/>
                </a:lnTo>
                <a:lnTo>
                  <a:pt x="0" y="594995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144000">
            <a:noAutofit/>
          </a:bodyPr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4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A91EC6-D7E4-468B-8E95-54AFE7AC07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513014" y="2160000"/>
            <a:ext cx="7164386" cy="1620000"/>
          </a:xfrm>
          <a:prstGeom prst="rect">
            <a:avLst/>
          </a:prstGeom>
        </p:spPr>
        <p:txBody>
          <a:bodyPr lIns="0" anchor="t" anchorCtr="0">
            <a:normAutofit/>
          </a:bodyPr>
          <a:lstStyle>
            <a:lvl1pPr algn="ctr">
              <a:defRPr sz="3600" b="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0F23298-8AFA-43D2-9D73-4D74A4ED9FE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513013" y="3911601"/>
            <a:ext cx="7164387" cy="838200"/>
          </a:xfrm>
        </p:spPr>
        <p:txBody>
          <a:bodyPr lIns="0"/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FFDA0978-E9A8-4143-83DE-9F8519EBABA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BAE7FD51-742E-4616-8EFD-3192A89FBCC3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2E2FA32A-939F-4459-BD09-EED4BB10E6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23BF7F8-C32F-4BCC-B95F-94E65850F290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70C4DC2-6907-42DF-9C68-20543C14CCF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9" y="6164263"/>
            <a:ext cx="7164386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35994927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image 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0F67F375-99E3-4287-BFEA-AF332D555A60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1735200"/>
          </a:xfrm>
          <a:custGeom>
            <a:avLst/>
            <a:gdLst>
              <a:gd name="connsiteX0" fmla="*/ 0 w 12193200"/>
              <a:gd name="connsiteY0" fmla="*/ 0 h 1735200"/>
              <a:gd name="connsiteX1" fmla="*/ 12193200 w 12193200"/>
              <a:gd name="connsiteY1" fmla="*/ 0 h 1735200"/>
              <a:gd name="connsiteX2" fmla="*/ 12193200 w 12193200"/>
              <a:gd name="connsiteY2" fmla="*/ 1735200 h 1735200"/>
              <a:gd name="connsiteX3" fmla="*/ 925285 w 12193200"/>
              <a:gd name="connsiteY3" fmla="*/ 1735200 h 1735200"/>
              <a:gd name="connsiteX4" fmla="*/ 925475 w 12193200"/>
              <a:gd name="connsiteY4" fmla="*/ 1735010 h 1735200"/>
              <a:gd name="connsiteX5" fmla="*/ 670916 w 12193200"/>
              <a:gd name="connsiteY5" fmla="*/ 1480452 h 1735200"/>
              <a:gd name="connsiteX6" fmla="*/ 416358 w 12193200"/>
              <a:gd name="connsiteY6" fmla="*/ 1735010 h 1735200"/>
              <a:gd name="connsiteX7" fmla="*/ 416548 w 12193200"/>
              <a:gd name="connsiteY7" fmla="*/ 1735200 h 1735200"/>
              <a:gd name="connsiteX8" fmla="*/ 0 w 12193200"/>
              <a:gd name="connsiteY8" fmla="*/ 1735200 h 17352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93200" h="1735200">
                <a:moveTo>
                  <a:pt x="0" y="0"/>
                </a:moveTo>
                <a:lnTo>
                  <a:pt x="12193200" y="0"/>
                </a:lnTo>
                <a:lnTo>
                  <a:pt x="12193200" y="1735200"/>
                </a:lnTo>
                <a:lnTo>
                  <a:pt x="925285" y="1735200"/>
                </a:lnTo>
                <a:lnTo>
                  <a:pt x="925475" y="1735010"/>
                </a:lnTo>
                <a:lnTo>
                  <a:pt x="670916" y="1480452"/>
                </a:lnTo>
                <a:lnTo>
                  <a:pt x="416358" y="1735010"/>
                </a:lnTo>
                <a:lnTo>
                  <a:pt x="416548" y="1735200"/>
                </a:lnTo>
                <a:lnTo>
                  <a:pt x="0" y="1735200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6949664E-924C-434A-9FC9-A812BB38C95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12192000" cy="1735015"/>
          </a:xfrm>
          <a:custGeom>
            <a:avLst/>
            <a:gdLst>
              <a:gd name="connsiteX0" fmla="*/ 0 w 12192000"/>
              <a:gd name="connsiteY0" fmla="*/ 0 h 1735015"/>
              <a:gd name="connsiteX1" fmla="*/ 12192000 w 12192000"/>
              <a:gd name="connsiteY1" fmla="*/ 0 h 1735015"/>
              <a:gd name="connsiteX2" fmla="*/ 12192000 w 12192000"/>
              <a:gd name="connsiteY2" fmla="*/ 1735015 h 1735015"/>
              <a:gd name="connsiteX3" fmla="*/ 925470 w 12192000"/>
              <a:gd name="connsiteY3" fmla="*/ 1735015 h 1735015"/>
              <a:gd name="connsiteX4" fmla="*/ 925475 w 12192000"/>
              <a:gd name="connsiteY4" fmla="*/ 1735010 h 1735015"/>
              <a:gd name="connsiteX5" fmla="*/ 670916 w 12192000"/>
              <a:gd name="connsiteY5" fmla="*/ 1480452 h 1735015"/>
              <a:gd name="connsiteX6" fmla="*/ 416358 w 12192000"/>
              <a:gd name="connsiteY6" fmla="*/ 1735010 h 1735015"/>
              <a:gd name="connsiteX7" fmla="*/ 416363 w 12192000"/>
              <a:gd name="connsiteY7" fmla="*/ 1735015 h 1735015"/>
              <a:gd name="connsiteX8" fmla="*/ 0 w 12192000"/>
              <a:gd name="connsiteY8" fmla="*/ 1735015 h 17350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92000" h="1735015">
                <a:moveTo>
                  <a:pt x="0" y="0"/>
                </a:moveTo>
                <a:lnTo>
                  <a:pt x="12192000" y="0"/>
                </a:lnTo>
                <a:lnTo>
                  <a:pt x="12192000" y="1735015"/>
                </a:lnTo>
                <a:lnTo>
                  <a:pt x="925470" y="1735015"/>
                </a:lnTo>
                <a:lnTo>
                  <a:pt x="925475" y="1735010"/>
                </a:lnTo>
                <a:lnTo>
                  <a:pt x="670916" y="1480452"/>
                </a:lnTo>
                <a:lnTo>
                  <a:pt x="416358" y="1735010"/>
                </a:lnTo>
                <a:lnTo>
                  <a:pt x="416363" y="1735015"/>
                </a:lnTo>
                <a:lnTo>
                  <a:pt x="0" y="1735015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144000">
            <a:noAutofit/>
          </a:bodyPr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4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798B5BB-379D-4964-AF8A-DDA07CC6C2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1FA16655-7D0D-4679-9DA4-C67554CD7A7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68338" y="1992036"/>
            <a:ext cx="10853737" cy="3957913"/>
          </a:xfrm>
        </p:spPr>
        <p:txBody>
          <a:bodyPr lIns="0" numCol="2" spcCol="360000"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A2ED1DC3-47EB-428B-B305-C0A68DD852F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7" y="6164263"/>
            <a:ext cx="7164388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BE0394E-6E6A-4FEA-A1A9-CD375BAF1B8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058DFE1-2B7E-45BC-AFDA-36AB68241CC1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41E8BC48-48EC-4186-96FC-39D63223C62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2ED5E5-748A-49C1-9A30-6F42548CE831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93236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 image top,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06010957-6F55-4BF2-8655-11B34FF04702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2206800"/>
          </a:xfrm>
          <a:custGeom>
            <a:avLst/>
            <a:gdLst>
              <a:gd name="connsiteX0" fmla="*/ 0 w 12193200"/>
              <a:gd name="connsiteY0" fmla="*/ 0 h 2206800"/>
              <a:gd name="connsiteX1" fmla="*/ 12193200 w 12193200"/>
              <a:gd name="connsiteY1" fmla="*/ 0 h 2206800"/>
              <a:gd name="connsiteX2" fmla="*/ 12193200 w 12193200"/>
              <a:gd name="connsiteY2" fmla="*/ 2206800 h 2206800"/>
              <a:gd name="connsiteX3" fmla="*/ 920981 w 12193200"/>
              <a:gd name="connsiteY3" fmla="*/ 2206800 h 2206800"/>
              <a:gd name="connsiteX4" fmla="*/ 668338 w 12193200"/>
              <a:gd name="connsiteY4" fmla="*/ 1954157 h 2206800"/>
              <a:gd name="connsiteX5" fmla="*/ 415695 w 12193200"/>
              <a:gd name="connsiteY5" fmla="*/ 2206800 h 2206800"/>
              <a:gd name="connsiteX6" fmla="*/ 0 w 12193200"/>
              <a:gd name="connsiteY6" fmla="*/ 2206800 h 2206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3200" h="2206800">
                <a:moveTo>
                  <a:pt x="0" y="0"/>
                </a:moveTo>
                <a:lnTo>
                  <a:pt x="12193200" y="0"/>
                </a:lnTo>
                <a:lnTo>
                  <a:pt x="12193200" y="2206800"/>
                </a:lnTo>
                <a:lnTo>
                  <a:pt x="920981" y="2206800"/>
                </a:lnTo>
                <a:lnTo>
                  <a:pt x="668338" y="1954157"/>
                </a:lnTo>
                <a:lnTo>
                  <a:pt x="415695" y="2206800"/>
                </a:lnTo>
                <a:lnTo>
                  <a:pt x="0" y="2206800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A0411ED4-9797-4D3D-A545-CE051C99997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1"/>
            <a:ext cx="12192000" cy="2207633"/>
          </a:xfrm>
          <a:custGeom>
            <a:avLst/>
            <a:gdLst>
              <a:gd name="connsiteX0" fmla="*/ 0 w 12192000"/>
              <a:gd name="connsiteY0" fmla="*/ 0 h 2207633"/>
              <a:gd name="connsiteX1" fmla="*/ 12192000 w 12192000"/>
              <a:gd name="connsiteY1" fmla="*/ 0 h 2207633"/>
              <a:gd name="connsiteX2" fmla="*/ 12192000 w 12192000"/>
              <a:gd name="connsiteY2" fmla="*/ 2207633 h 2207633"/>
              <a:gd name="connsiteX3" fmla="*/ 921815 w 12192000"/>
              <a:gd name="connsiteY3" fmla="*/ 2207633 h 2207633"/>
              <a:gd name="connsiteX4" fmla="*/ 668338 w 12192000"/>
              <a:gd name="connsiteY4" fmla="*/ 1954156 h 2207633"/>
              <a:gd name="connsiteX5" fmla="*/ 414861 w 12192000"/>
              <a:gd name="connsiteY5" fmla="*/ 2207633 h 2207633"/>
              <a:gd name="connsiteX6" fmla="*/ 0 w 12192000"/>
              <a:gd name="connsiteY6" fmla="*/ 2207633 h 22076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2000" h="2207633">
                <a:moveTo>
                  <a:pt x="0" y="0"/>
                </a:moveTo>
                <a:lnTo>
                  <a:pt x="12192000" y="0"/>
                </a:lnTo>
                <a:lnTo>
                  <a:pt x="12192000" y="2207633"/>
                </a:lnTo>
                <a:lnTo>
                  <a:pt x="921815" y="2207633"/>
                </a:lnTo>
                <a:lnTo>
                  <a:pt x="668338" y="1954156"/>
                </a:lnTo>
                <a:lnTo>
                  <a:pt x="414861" y="2207633"/>
                </a:lnTo>
                <a:lnTo>
                  <a:pt x="0" y="2207633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144000">
            <a:noAutofit/>
          </a:bodyPr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F851A27-3918-4981-8C45-41EB68B5AF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C1546D-FBB2-4471-9821-BA6F00EF1C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68337" y="2552400"/>
            <a:ext cx="10853737" cy="3397550"/>
          </a:xfrm>
        </p:spPr>
        <p:txBody>
          <a:bodyPr lIns="0" numCol="2" spcCol="360000"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278C43C4-B71B-400D-B07F-815CAD00D94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7" y="6164263"/>
            <a:ext cx="7164388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54224F2B-016E-44E1-985C-5A0EDDF62711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fld id="{44CDCAEC-37C8-4D9C-9C17-772F54087406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095A9DAF-6DAD-4402-972B-CFC544752EB7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506039A4-1C10-48BA-BFAF-76405726891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8717624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 image top,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B638738-0C24-4366-9194-F50F8F6770F0}"/>
              </a:ext>
            </a:extLst>
          </p:cNvPr>
          <p:cNvSpPr>
            <a:spLocks noGrp="1"/>
          </p:cNvSpPr>
          <p:nvPr>
            <p:ph type="body" sz="quarter" idx="120"/>
          </p:nvPr>
        </p:nvSpPr>
        <p:spPr>
          <a:xfrm>
            <a:off x="0" y="0"/>
            <a:ext cx="12193200" cy="2836800"/>
          </a:xfrm>
          <a:custGeom>
            <a:avLst/>
            <a:gdLst>
              <a:gd name="connsiteX0" fmla="*/ 0 w 12193200"/>
              <a:gd name="connsiteY0" fmla="*/ 0 h 2836800"/>
              <a:gd name="connsiteX1" fmla="*/ 12193200 w 12193200"/>
              <a:gd name="connsiteY1" fmla="*/ 0 h 2836800"/>
              <a:gd name="connsiteX2" fmla="*/ 12193200 w 12193200"/>
              <a:gd name="connsiteY2" fmla="*/ 2836800 h 2836800"/>
              <a:gd name="connsiteX3" fmla="*/ 923658 w 12193200"/>
              <a:gd name="connsiteY3" fmla="*/ 2836800 h 2836800"/>
              <a:gd name="connsiteX4" fmla="*/ 670916 w 12193200"/>
              <a:gd name="connsiteY4" fmla="*/ 2584059 h 2836800"/>
              <a:gd name="connsiteX5" fmla="*/ 418175 w 12193200"/>
              <a:gd name="connsiteY5" fmla="*/ 2836800 h 2836800"/>
              <a:gd name="connsiteX6" fmla="*/ 0 w 12193200"/>
              <a:gd name="connsiteY6" fmla="*/ 2836800 h 2836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3200" h="2836800">
                <a:moveTo>
                  <a:pt x="0" y="0"/>
                </a:moveTo>
                <a:lnTo>
                  <a:pt x="12193200" y="0"/>
                </a:lnTo>
                <a:lnTo>
                  <a:pt x="12193200" y="2836800"/>
                </a:lnTo>
                <a:lnTo>
                  <a:pt x="923658" y="2836800"/>
                </a:lnTo>
                <a:lnTo>
                  <a:pt x="670916" y="2584059"/>
                </a:lnTo>
                <a:lnTo>
                  <a:pt x="418175" y="2836800"/>
                </a:lnTo>
                <a:lnTo>
                  <a:pt x="0" y="2836800"/>
                </a:lnTo>
                <a:close/>
              </a:path>
            </a:pathLst>
          </a:custGeom>
          <a:solidFill>
            <a:srgbClr val="042947">
              <a:alpha val="8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700E420B-8CE6-429A-9C71-7EA5BA189D23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12191999" cy="2835667"/>
          </a:xfrm>
          <a:custGeom>
            <a:avLst/>
            <a:gdLst>
              <a:gd name="connsiteX0" fmla="*/ 0 w 12191999"/>
              <a:gd name="connsiteY0" fmla="*/ 0 h 2835667"/>
              <a:gd name="connsiteX1" fmla="*/ 12191999 w 12191999"/>
              <a:gd name="connsiteY1" fmla="*/ 0 h 2835667"/>
              <a:gd name="connsiteX2" fmla="*/ 12191999 w 12191999"/>
              <a:gd name="connsiteY2" fmla="*/ 2835667 h 2835667"/>
              <a:gd name="connsiteX3" fmla="*/ 922525 w 12191999"/>
              <a:gd name="connsiteY3" fmla="*/ 2835667 h 2835667"/>
              <a:gd name="connsiteX4" fmla="*/ 670916 w 12191999"/>
              <a:gd name="connsiteY4" fmla="*/ 2584059 h 2835667"/>
              <a:gd name="connsiteX5" fmla="*/ 419308 w 12191999"/>
              <a:gd name="connsiteY5" fmla="*/ 2835667 h 2835667"/>
              <a:gd name="connsiteX6" fmla="*/ 0 w 12191999"/>
              <a:gd name="connsiteY6" fmla="*/ 2835667 h 28356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1999" h="2835667">
                <a:moveTo>
                  <a:pt x="0" y="0"/>
                </a:moveTo>
                <a:lnTo>
                  <a:pt x="12191999" y="0"/>
                </a:lnTo>
                <a:lnTo>
                  <a:pt x="12191999" y="2835667"/>
                </a:lnTo>
                <a:lnTo>
                  <a:pt x="922525" y="2835667"/>
                </a:lnTo>
                <a:lnTo>
                  <a:pt x="670916" y="2584059"/>
                </a:lnTo>
                <a:lnTo>
                  <a:pt x="419308" y="2835667"/>
                </a:lnTo>
                <a:lnTo>
                  <a:pt x="0" y="2835667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144000">
            <a:noAutofit/>
          </a:bodyPr>
          <a:lstStyle>
            <a:lvl1pPr marL="0" marR="0" indent="0" algn="ctr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 sz="14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elect placeholder and insert picture from ImageLibrary / Right click send picture to back for blue overlay effec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7713A59-9CD4-4AD5-A21F-34A9D7D74B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4" name="Content Placeholder 2">
            <a:extLst>
              <a:ext uri="{FF2B5EF4-FFF2-40B4-BE49-F238E27FC236}">
                <a16:creationId xmlns:a16="http://schemas.microsoft.com/office/drawing/2014/main" id="{37795662-0B9B-4479-B079-959142D5D795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668336" y="3059429"/>
            <a:ext cx="5320800" cy="288706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D2143E82-83E2-41FC-92C5-8DC7C0A470A6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02800" y="3059429"/>
            <a:ext cx="5320800" cy="288706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E5B71434-3B3D-46D4-B29C-BBE083D4CDEF}"/>
              </a:ext>
            </a:extLst>
          </p:cNvPr>
          <p:cNvSpPr>
            <a:spLocks noGrp="1"/>
          </p:cNvSpPr>
          <p:nvPr>
            <p:ph type="dt" sz="half" idx="48"/>
          </p:nvPr>
        </p:nvSpPr>
        <p:spPr/>
        <p:txBody>
          <a:bodyPr/>
          <a:lstStyle/>
          <a:p>
            <a:fld id="{08C4D28B-8ABB-42E9-BC59-F75BF1CF950E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16ED0BDA-F818-4FB4-B9DE-4145F1B0E1C9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5" name="Content Placeholder 70">
            <a:extLst>
              <a:ext uri="{FF2B5EF4-FFF2-40B4-BE49-F238E27FC236}">
                <a16:creationId xmlns:a16="http://schemas.microsoft.com/office/drawing/2014/main" id="{DF603CE7-0928-499A-9034-BDC9FE7F6DB7}"/>
              </a:ext>
            </a:extLst>
          </p:cNvPr>
          <p:cNvSpPr>
            <a:spLocks noGrp="1"/>
          </p:cNvSpPr>
          <p:nvPr>
            <p:ph sz="quarter" idx="93" hasCustomPrompt="1"/>
          </p:nvPr>
        </p:nvSpPr>
        <p:spPr>
          <a:xfrm>
            <a:off x="668338" y="1483199"/>
            <a:ext cx="5318124" cy="705600"/>
          </a:xfrm>
        </p:spPr>
        <p:txBody>
          <a:bodyPr/>
          <a:lstStyle>
            <a:lvl1pPr marL="0" indent="0">
              <a:spcAft>
                <a:spcPts val="0"/>
              </a:spcAft>
              <a:buNone/>
              <a:defRPr sz="1800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None/>
              <a:defRPr sz="1800"/>
            </a:lvl2pPr>
            <a:lvl3pPr marL="0" indent="0">
              <a:spcAft>
                <a:spcPts val="0"/>
              </a:spcAft>
              <a:buNone/>
              <a:defRPr sz="1800"/>
            </a:lvl3pPr>
            <a:lvl4pPr marL="0" indent="0">
              <a:spcAft>
                <a:spcPts val="0"/>
              </a:spcAft>
              <a:buNone/>
              <a:defRPr sz="1800"/>
            </a:lvl4pPr>
            <a:lvl5pPr marL="0" indent="0">
              <a:spcAft>
                <a:spcPts val="0"/>
              </a:spcAft>
              <a:buNone/>
              <a:defRPr sz="1800"/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BF47147C-03AF-4408-AF29-BA590411090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68337" y="6164263"/>
            <a:ext cx="7164388" cy="325436"/>
          </a:xfrm>
        </p:spPr>
        <p:txBody>
          <a:bodyPr anchor="b" anchorCtr="0"/>
          <a:lstStyle>
            <a:lvl1pPr marL="0" indent="0" algn="l">
              <a:spcAft>
                <a:spcPts val="0"/>
              </a:spcAft>
              <a:buNone/>
              <a:defRPr sz="800" b="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8F2E8BB-D333-48F8-B8E6-C8C669D0059A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349135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801981D-5DED-420B-AE43-4B86976555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338" y="368301"/>
            <a:ext cx="10853737" cy="9006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FB1DC9D-45CC-47BE-8A10-81372F20FCC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68338" y="1484314"/>
            <a:ext cx="10853737" cy="44656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, bullet</a:t>
            </a:r>
          </a:p>
          <a:p>
            <a:pPr lvl="2"/>
            <a:r>
              <a:rPr lang="en-US" dirty="0"/>
              <a:t>Third level, bullet</a:t>
            </a:r>
          </a:p>
          <a:p>
            <a:pPr lvl="3"/>
            <a:r>
              <a:rPr lang="en-US" dirty="0"/>
              <a:t>Fourth level, bullet</a:t>
            </a:r>
          </a:p>
          <a:p>
            <a:pPr lvl="4"/>
            <a:r>
              <a:rPr lang="en-US" dirty="0"/>
              <a:t>Fifth level, Sub header (body text)</a:t>
            </a:r>
          </a:p>
          <a:p>
            <a:pPr lvl="5"/>
            <a:r>
              <a:rPr lang="en-US" dirty="0"/>
              <a:t>Sixth level, body text, no bullet</a:t>
            </a:r>
          </a:p>
          <a:p>
            <a:pPr lvl="6"/>
            <a:r>
              <a:rPr lang="en-US" dirty="0"/>
              <a:t>Seventh level, bullet</a:t>
            </a:r>
          </a:p>
          <a:p>
            <a:pPr lvl="7"/>
            <a:r>
              <a:rPr lang="en-US" dirty="0"/>
              <a:t>Eight level, Sub header 18 pt</a:t>
            </a:r>
          </a:p>
          <a:p>
            <a:pPr lvl="8"/>
            <a:r>
              <a:rPr lang="en-US" dirty="0"/>
              <a:t>Infographic</a:t>
            </a:r>
          </a:p>
        </p:txBody>
      </p:sp>
      <p:sp>
        <p:nvSpPr>
          <p:cNvPr id="139" name="Slide Number Placeholder 138">
            <a:extLst>
              <a:ext uri="{FF2B5EF4-FFF2-40B4-BE49-F238E27FC236}">
                <a16:creationId xmlns:a16="http://schemas.microsoft.com/office/drawing/2014/main" id="{3C9F226C-D42A-4391-BF7E-738DE99FD9B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90800" y="6548400"/>
            <a:ext cx="331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85924A59-8900-4873-B62B-B04443F218B4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1" name="Copyright" descr="{&quot;templafy&quot;:{&quot;id&quot;:&quot;a75fa7d3-453b-4454-aa27-fb98a8dde60e&quot;}}" title="Copyright">
            <a:extLst>
              <a:ext uri="{FF2B5EF4-FFF2-40B4-BE49-F238E27FC236}">
                <a16:creationId xmlns:a16="http://schemas.microsoft.com/office/drawing/2014/main" id="{204649D9-7140-485E-9095-A5D623354DF1}"/>
              </a:ext>
            </a:extLst>
          </p:cNvPr>
          <p:cNvSpPr txBox="1">
            <a:spLocks/>
          </p:cNvSpPr>
          <p:nvPr userDrawn="1"/>
        </p:nvSpPr>
        <p:spPr>
          <a:xfrm>
            <a:off x="668338" y="6548400"/>
            <a:ext cx="5977262" cy="180000"/>
          </a:xfrm>
          <a:prstGeom prst="rect">
            <a:avLst/>
          </a:prstGeom>
        </p:spPr>
        <p:txBody>
          <a:bodyPr lIns="0" tIns="0" rIns="0" bIns="0" anchor="b" anchorCtr="0"/>
          <a:lstStyle>
            <a:defPPr>
              <a:defRPr lang="en-US"/>
            </a:defPPr>
            <a:lvl1pPr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1pPr>
            <a:lvl2pPr marL="609585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2pPr>
            <a:lvl3pPr marL="1219170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3pPr>
            <a:lvl4pPr marL="1828754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4pPr>
            <a:lvl5pPr marL="2438339" algn="l" rtl="0" fontAlgn="base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5pPr>
            <a:lvl6pPr marL="3047924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6pPr>
            <a:lvl7pPr marL="3657509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7pPr>
            <a:lvl8pPr marL="4267093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8pPr>
            <a:lvl9pPr marL="4876678" algn="l" defTabSz="1219170" rtl="0" eaLnBrk="1" latinLnBrk="0" hangingPunct="1">
              <a:defRPr kern="1200">
                <a:solidFill>
                  <a:schemeClr val="tx1"/>
                </a:solidFill>
                <a:latin typeface="Calibri" pitchFamily="34" charset="0"/>
                <a:ea typeface="+mn-ea"/>
                <a:cs typeface="+mn-cs"/>
              </a:defRPr>
            </a:lvl9pPr>
          </a:lstStyle>
          <a:p>
            <a:r>
              <a:rPr lang="en-US" sz="800" dirty="0">
                <a:solidFill>
                  <a:schemeClr val="tx1"/>
                </a:solidFill>
                <a:latin typeface="+mn-lt"/>
              </a:rPr>
              <a:t>© 2022 Chr. Hansen. All rights reserved.</a:t>
            </a:r>
          </a:p>
        </p:txBody>
      </p:sp>
      <p:sp>
        <p:nvSpPr>
          <p:cNvPr id="144" name="Date Placeholder 9" hidden="1">
            <a:extLst>
              <a:ext uri="{FF2B5EF4-FFF2-40B4-BE49-F238E27FC236}">
                <a16:creationId xmlns:a16="http://schemas.microsoft.com/office/drawing/2014/main" id="{1A401553-B8AA-4752-8621-B269F3E4019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>
              <a:defRPr lang="en-US" sz="1200" smtClean="0">
                <a:noFill/>
                <a:latin typeface="+mn-lt"/>
                <a:cs typeface="Calibri"/>
              </a:defRPr>
            </a:lvl1pPr>
          </a:lstStyle>
          <a:p>
            <a:fld id="{D915EB50-8996-4947-B040-EEE13A023044}" type="datetime4">
              <a:rPr lang="en-US" sz="100" smtClean="0"/>
              <a:t>May 24, 2022</a:t>
            </a:fld>
            <a:endParaRPr lang="en-US" dirty="0"/>
          </a:p>
        </p:txBody>
      </p:sp>
      <p:sp>
        <p:nvSpPr>
          <p:cNvPr id="145" name="Footer Placeholder 144" hidden="1">
            <a:extLst>
              <a:ext uri="{FF2B5EF4-FFF2-40B4-BE49-F238E27FC236}">
                <a16:creationId xmlns:a16="http://schemas.microsoft.com/office/drawing/2014/main" id="{4B9A70EC-B319-4816-BE7E-54DED3ECA0A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D3405920-6A2D-4CFA-B675-DA1C1D9BFAE9}"/>
              </a:ext>
            </a:extLst>
          </p:cNvPr>
          <p:cNvPicPr>
            <a:picLocks noChangeAspect="1"/>
          </p:cNvPicPr>
          <p:nvPr userDrawn="1"/>
        </p:nvPicPr>
        <p:blipFill>
          <a:blip r:embed="rId4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5"/>
              </a:ext>
            </a:extLst>
          </a:blip>
          <a:stretch>
            <a:fillRect/>
          </a:stretch>
        </p:blipFill>
        <p:spPr>
          <a:xfrm>
            <a:off x="10579666" y="6097160"/>
            <a:ext cx="1328119" cy="5749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3995629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710" r:id="rId3"/>
    <p:sldLayoutId id="2147483694" r:id="rId4"/>
    <p:sldLayoutId id="2147483742" r:id="rId5"/>
    <p:sldLayoutId id="2147483701" r:id="rId6"/>
    <p:sldLayoutId id="2147483696" r:id="rId7"/>
    <p:sldLayoutId id="2147483766" r:id="rId8"/>
    <p:sldLayoutId id="2147483708" r:id="rId9"/>
    <p:sldLayoutId id="2147483747" r:id="rId10"/>
    <p:sldLayoutId id="2147483767" r:id="rId11"/>
    <p:sldLayoutId id="2147483768" r:id="rId12"/>
    <p:sldLayoutId id="2147483773" r:id="rId13"/>
    <p:sldLayoutId id="2147483689" r:id="rId14"/>
    <p:sldLayoutId id="2147483706" r:id="rId15"/>
    <p:sldLayoutId id="2147483743" r:id="rId16"/>
    <p:sldLayoutId id="2147483775" r:id="rId17"/>
    <p:sldLayoutId id="2147483744" r:id="rId18"/>
    <p:sldLayoutId id="2147483745" r:id="rId19"/>
    <p:sldLayoutId id="2147483690" r:id="rId20"/>
    <p:sldLayoutId id="2147483725" r:id="rId21"/>
    <p:sldLayoutId id="2147483724" r:id="rId22"/>
    <p:sldLayoutId id="2147483705" r:id="rId23"/>
    <p:sldLayoutId id="2147483726" r:id="rId24"/>
    <p:sldLayoutId id="2147483763" r:id="rId25"/>
    <p:sldLayoutId id="2147483732" r:id="rId26"/>
    <p:sldLayoutId id="2147483715" r:id="rId27"/>
    <p:sldLayoutId id="2147483716" r:id="rId28"/>
    <p:sldLayoutId id="2147483733" r:id="rId29"/>
    <p:sldLayoutId id="2147483776" r:id="rId30"/>
    <p:sldLayoutId id="2147483734" r:id="rId31"/>
    <p:sldLayoutId id="2147483691" r:id="rId32"/>
    <p:sldLayoutId id="2147483769" r:id="rId33"/>
    <p:sldLayoutId id="2147483727" r:id="rId34"/>
    <p:sldLayoutId id="2147483778" r:id="rId35"/>
    <p:sldLayoutId id="2147483771" r:id="rId36"/>
    <p:sldLayoutId id="2147483772" r:id="rId37"/>
    <p:sldLayoutId id="2147483764" r:id="rId38"/>
    <p:sldLayoutId id="2147483765" r:id="rId39"/>
    <p:sldLayoutId id="2147483770" r:id="rId40"/>
    <p:sldLayoutId id="2147483777" r:id="rId41"/>
    <p:sldLayoutId id="2147483736" r:id="rId42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800" b="1" kern="120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Arial" panose="020B0604020202020204" pitchFamily="34" charset="0"/>
        <a:buChar char="•"/>
        <a:defRPr sz="1400" kern="1200">
          <a:solidFill>
            <a:srgbClr val="404040"/>
          </a:solidFill>
          <a:latin typeface="+mn-lt"/>
          <a:ea typeface="+mn-ea"/>
          <a:cs typeface="+mn-cs"/>
        </a:defRPr>
      </a:lvl1pPr>
      <a:lvl2pPr marL="358775" indent="-179388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Calibri" panose="020F0502020204030204" pitchFamily="34" charset="0"/>
        <a:buChar char="-"/>
        <a:defRPr sz="1400" kern="1200">
          <a:solidFill>
            <a:srgbClr val="404040"/>
          </a:solidFill>
          <a:latin typeface="+mn-lt"/>
          <a:ea typeface="+mn-ea"/>
          <a:cs typeface="+mn-cs"/>
        </a:defRPr>
      </a:lvl2pPr>
      <a:lvl3pPr marL="538163" indent="-179388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Calibri" panose="020F0502020204030204" pitchFamily="34" charset="0"/>
        <a:buChar char="-"/>
        <a:defRPr sz="1400" kern="1200">
          <a:solidFill>
            <a:srgbClr val="404040"/>
          </a:solidFill>
          <a:latin typeface="+mn-lt"/>
          <a:ea typeface="+mn-ea"/>
          <a:cs typeface="+mn-cs"/>
        </a:defRPr>
      </a:lvl3pPr>
      <a:lvl4pPr marL="717550" indent="-179388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Calibri" panose="020F0502020204030204" pitchFamily="34" charset="0"/>
        <a:buChar char="-"/>
        <a:defRPr sz="1400" kern="1200">
          <a:solidFill>
            <a:srgbClr val="404040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400" b="1" kern="1200" cap="all" baseline="0">
          <a:solidFill>
            <a:schemeClr val="accent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800" b="0" kern="1200">
          <a:solidFill>
            <a:schemeClr val="tx1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83000"/>
        </a:lnSpc>
        <a:spcBef>
          <a:spcPts val="0"/>
        </a:spcBef>
        <a:buFont typeface="Arial" panose="020B0604020202020204" pitchFamily="34" charset="0"/>
        <a:buChar char="​"/>
        <a:defRPr sz="5400" b="1" kern="1200">
          <a:solidFill>
            <a:schemeClr val="accent2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799" userDrawn="1">
          <p15:clr>
            <a:srgbClr val="F26B43"/>
          </p15:clr>
        </p15:guide>
        <p15:guide id="4" orient="horz" pos="935" userDrawn="1">
          <p15:clr>
            <a:srgbClr val="F26B43"/>
          </p15:clr>
        </p15:guide>
        <p15:guide id="5" orient="horz" pos="3883" userDrawn="1">
          <p15:clr>
            <a:srgbClr val="F26B43"/>
          </p15:clr>
        </p15:guide>
        <p15:guide id="6" pos="421" userDrawn="1">
          <p15:clr>
            <a:srgbClr val="F26B43"/>
          </p15:clr>
        </p15:guide>
        <p15:guide id="7" pos="866" userDrawn="1">
          <p15:clr>
            <a:srgbClr val="F26B43"/>
          </p15:clr>
        </p15:guide>
        <p15:guide id="8" orient="horz" pos="231" userDrawn="1">
          <p15:clr>
            <a:srgbClr val="F26B43"/>
          </p15:clr>
        </p15:guide>
        <p15:guide id="9" orient="horz" pos="3748" userDrawn="1">
          <p15:clr>
            <a:srgbClr val="F26B43"/>
          </p15:clr>
        </p15:guide>
        <p15:guide id="10" pos="1002" userDrawn="1">
          <p15:clr>
            <a:srgbClr val="F26B43"/>
          </p15:clr>
        </p15:guide>
        <p15:guide id="11" pos="1447" userDrawn="1">
          <p15:clr>
            <a:srgbClr val="F26B43"/>
          </p15:clr>
        </p15:guide>
        <p15:guide id="12" pos="1583" userDrawn="1">
          <p15:clr>
            <a:srgbClr val="F26B43"/>
          </p15:clr>
        </p15:guide>
        <p15:guide id="13" pos="2028" userDrawn="1">
          <p15:clr>
            <a:srgbClr val="F26B43"/>
          </p15:clr>
        </p15:guide>
        <p15:guide id="14" pos="2164" userDrawn="1">
          <p15:clr>
            <a:srgbClr val="F26B43"/>
          </p15:clr>
        </p15:guide>
        <p15:guide id="15" pos="2609" userDrawn="1">
          <p15:clr>
            <a:srgbClr val="F26B43"/>
          </p15:clr>
        </p15:guide>
        <p15:guide id="16" pos="2745" userDrawn="1">
          <p15:clr>
            <a:srgbClr val="F26B43"/>
          </p15:clr>
        </p15:guide>
        <p15:guide id="17" pos="3190" userDrawn="1">
          <p15:clr>
            <a:srgbClr val="F26B43"/>
          </p15:clr>
        </p15:guide>
        <p15:guide id="18" pos="3326" userDrawn="1">
          <p15:clr>
            <a:srgbClr val="F26B43"/>
          </p15:clr>
        </p15:guide>
        <p15:guide id="19" pos="3771" userDrawn="1">
          <p15:clr>
            <a:srgbClr val="F26B43"/>
          </p15:clr>
        </p15:guide>
        <p15:guide id="20" pos="3908" userDrawn="1">
          <p15:clr>
            <a:srgbClr val="F26B43"/>
          </p15:clr>
        </p15:guide>
        <p15:guide id="21" pos="4353" userDrawn="1">
          <p15:clr>
            <a:srgbClr val="F26B43"/>
          </p15:clr>
        </p15:guide>
        <p15:guide id="22" pos="4489" userDrawn="1">
          <p15:clr>
            <a:srgbClr val="F26B43"/>
          </p15:clr>
        </p15:guide>
        <p15:guide id="23" pos="4934" userDrawn="1">
          <p15:clr>
            <a:srgbClr val="F26B43"/>
          </p15:clr>
        </p15:guide>
        <p15:guide id="24" pos="5070" userDrawn="1">
          <p15:clr>
            <a:srgbClr val="F26B43"/>
          </p15:clr>
        </p15:guide>
        <p15:guide id="25" pos="5515" userDrawn="1">
          <p15:clr>
            <a:srgbClr val="F26B43"/>
          </p15:clr>
        </p15:guide>
        <p15:guide id="26" pos="5651" userDrawn="1">
          <p15:clr>
            <a:srgbClr val="F26B43"/>
          </p15:clr>
        </p15:guide>
        <p15:guide id="27" pos="6096" userDrawn="1">
          <p15:clr>
            <a:srgbClr val="F26B43"/>
          </p15:clr>
        </p15:guide>
        <p15:guide id="28" pos="6232" userDrawn="1">
          <p15:clr>
            <a:srgbClr val="F26B43"/>
          </p15:clr>
        </p15:guide>
        <p15:guide id="29" pos="6677" userDrawn="1">
          <p15:clr>
            <a:srgbClr val="F26B43"/>
          </p15:clr>
        </p15:guide>
        <p15:guide id="30" pos="6813" userDrawn="1">
          <p15:clr>
            <a:srgbClr val="F26B43"/>
          </p15:clr>
        </p15:guide>
        <p15:guide id="31" pos="7258" userDrawn="1">
          <p15:clr>
            <a:srgbClr val="F26B43"/>
          </p15:clr>
        </p15:guide>
        <p15:guide id="33" pos="3636" userDrawn="1">
          <p15:clr>
            <a:srgbClr val="F26B43"/>
          </p15:clr>
        </p15:guide>
        <p15:guide id="34" pos="4043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17.png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19.jp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4" Type="http://schemas.openxmlformats.org/officeDocument/2006/relationships/notesSlide" Target="../notesSlides/notesSlide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4" Type="http://schemas.openxmlformats.org/officeDocument/2006/relationships/notesSlide" Target="../notesSlides/notesSlide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4" Type="http://schemas.openxmlformats.org/officeDocument/2006/relationships/notesSlide" Target="../notesSlides/notesSlide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22.jpg"/><Relationship Id="rId5" Type="http://schemas.openxmlformats.org/officeDocument/2006/relationships/image" Target="../media/image21.png"/><Relationship Id="rId4" Type="http://schemas.openxmlformats.org/officeDocument/2006/relationships/notesSlide" Target="../notesSlides/notesSlide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CE043A3-BD1D-49F6-BB85-FFDA9EF4FE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sz="5400" dirty="0"/>
              <a:t>С чистого листа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FF9D5E-D87C-452B-9C2A-62230F26496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FDEC3D93-C686-4680-9743-EAEDE9DD6B14}"/>
              </a:ext>
            </a:extLst>
          </p:cNvPr>
          <p:cNvSpPr/>
          <p:nvPr/>
        </p:nvSpPr>
        <p:spPr>
          <a:xfrm>
            <a:off x="10369118" y="5956917"/>
            <a:ext cx="1632082" cy="77148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ru-RU" sz="1400" dirty="0" err="1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B0FC288-9217-47CD-BF0C-AFB03FDE232C}"/>
              </a:ext>
            </a:extLst>
          </p:cNvPr>
          <p:cNvSpPr/>
          <p:nvPr/>
        </p:nvSpPr>
        <p:spPr>
          <a:xfrm>
            <a:off x="434542" y="5956916"/>
            <a:ext cx="2137207" cy="77148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ru-RU" sz="1400" dirty="0" err="1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9B1861E9-6B0A-4A65-8A83-C6A7DDB17B60}"/>
              </a:ext>
            </a:extLst>
          </p:cNvPr>
          <p:cNvSpPr txBox="1">
            <a:spLocks/>
          </p:cNvSpPr>
          <p:nvPr/>
        </p:nvSpPr>
        <p:spPr>
          <a:xfrm>
            <a:off x="660900" y="1824543"/>
            <a:ext cx="11340300" cy="231781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6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ru-RU" sz="6000" dirty="0">
                <a:solidFill>
                  <a:schemeClr val="accent2"/>
                </a:solidFill>
              </a:rPr>
              <a:t>Сообщество маркетологов </a:t>
            </a:r>
          </a:p>
          <a:p>
            <a:r>
              <a:rPr lang="ru-RU" sz="6000" dirty="0">
                <a:solidFill>
                  <a:schemeClr val="accent2"/>
                </a:solidFill>
              </a:rPr>
              <a:t>молочной отрасли</a:t>
            </a:r>
            <a:endParaRPr lang="en-US" sz="600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2859861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D70673-42C8-4E9F-A720-35BD21B9683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5924A59-8900-4873-B62B-B04443F218B4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404040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404040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E30BB7B7-348A-4D1A-B519-8643E57DD35D}"/>
              </a:ext>
            </a:extLst>
          </p:cNvPr>
          <p:cNvSpPr/>
          <p:nvPr/>
        </p:nvSpPr>
        <p:spPr>
          <a:xfrm>
            <a:off x="10546672" y="6019060"/>
            <a:ext cx="1454528" cy="70934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B5D3BF1C-F1EE-4D71-94FF-70DFB5DC68B0}"/>
              </a:ext>
            </a:extLst>
          </p:cNvPr>
          <p:cNvSpPr/>
          <p:nvPr/>
        </p:nvSpPr>
        <p:spPr>
          <a:xfrm>
            <a:off x="493746" y="6267450"/>
            <a:ext cx="2211353" cy="445074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28EEA4B4-0707-4FDB-AC9D-4F47BFBE47B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0164" t="6047" r="4851" b="51108"/>
          <a:stretch/>
        </p:blipFill>
        <p:spPr bwMode="auto">
          <a:xfrm>
            <a:off x="522000" y="1370598"/>
            <a:ext cx="2970480" cy="2942352"/>
          </a:xfrm>
          <a:prstGeom prst="flowChartConnector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7" name="Picture 3">
            <a:extLst>
              <a:ext uri="{FF2B5EF4-FFF2-40B4-BE49-F238E27FC236}">
                <a16:creationId xmlns:a16="http://schemas.microsoft.com/office/drawing/2014/main" id="{44296AB2-7B40-4CDC-A87B-D5020574B30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809" r="14170" b="33872"/>
          <a:stretch/>
        </p:blipFill>
        <p:spPr bwMode="auto">
          <a:xfrm>
            <a:off x="2050489" y="3585432"/>
            <a:ext cx="2829962" cy="2875456"/>
          </a:xfrm>
          <a:prstGeom prst="flowChartConnector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8" name="Picture 4" descr="image">
            <a:extLst>
              <a:ext uri="{FF2B5EF4-FFF2-40B4-BE49-F238E27FC236}">
                <a16:creationId xmlns:a16="http://schemas.microsoft.com/office/drawing/2014/main" id="{95D2CEAA-F79A-494A-86E4-89057A3859F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4499" t="39155" r="25412" b="26872"/>
          <a:stretch/>
        </p:blipFill>
        <p:spPr bwMode="auto">
          <a:xfrm>
            <a:off x="6790610" y="160829"/>
            <a:ext cx="2865378" cy="2736828"/>
          </a:xfrm>
          <a:prstGeom prst="flowChartConnector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9" name="Picture 5" descr="image">
            <a:extLst>
              <a:ext uri="{FF2B5EF4-FFF2-40B4-BE49-F238E27FC236}">
                <a16:creationId xmlns:a16="http://schemas.microsoft.com/office/drawing/2014/main" id="{484A8537-CE1D-4AF2-BE44-3B3D3AE9997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1191" r="16818" b="34363"/>
          <a:stretch/>
        </p:blipFill>
        <p:spPr bwMode="auto">
          <a:xfrm>
            <a:off x="3719550" y="1316082"/>
            <a:ext cx="2952644" cy="3051384"/>
          </a:xfrm>
          <a:prstGeom prst="flowChartConnector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" name="Picture 9" descr="A picture containing person, clothing, person, indoor&#10;&#10;Description automatically generated">
            <a:extLst>
              <a:ext uri="{FF2B5EF4-FFF2-40B4-BE49-F238E27FC236}">
                <a16:creationId xmlns:a16="http://schemas.microsoft.com/office/drawing/2014/main" id="{D1A39788-81B7-4A08-B117-95999F992300}"/>
              </a:ext>
            </a:extLst>
          </p:cNvPr>
          <p:cNvPicPr>
            <a:picLocks noChangeAspect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114" r="16925"/>
          <a:stretch/>
        </p:blipFill>
        <p:spPr>
          <a:xfrm>
            <a:off x="8484699" y="2114256"/>
            <a:ext cx="2829962" cy="2942352"/>
          </a:xfrm>
          <a:prstGeom prst="flowChartConnector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B2263415-B9AE-4F1E-9090-DF9F4EA3B6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6400" y="312692"/>
            <a:ext cx="10853737" cy="1436110"/>
          </a:xfrm>
        </p:spPr>
        <p:txBody>
          <a:bodyPr/>
          <a:lstStyle/>
          <a:p>
            <a:r>
              <a:rPr lang="ru-RU" sz="4800" dirty="0"/>
              <a:t>Инициативная группа</a:t>
            </a:r>
            <a:endParaRPr lang="en-US" sz="4800" dirty="0"/>
          </a:p>
        </p:txBody>
      </p:sp>
      <p:pic>
        <p:nvPicPr>
          <p:cNvPr id="1030" name="Picture 6" descr="image">
            <a:extLst>
              <a:ext uri="{FF2B5EF4-FFF2-40B4-BE49-F238E27FC236}">
                <a16:creationId xmlns:a16="http://schemas.microsoft.com/office/drawing/2014/main" id="{9734EC97-63EB-4E50-9998-97EB8DDA992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126" t="3471" r="8301" b="27511"/>
          <a:stretch/>
        </p:blipFill>
        <p:spPr bwMode="auto">
          <a:xfrm>
            <a:off x="5607875" y="3334309"/>
            <a:ext cx="3050316" cy="3116858"/>
          </a:xfrm>
          <a:prstGeom prst="flowChartConnector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0954416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263415-B9AE-4F1E-9090-DF9F4EA3B6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sz="5400" dirty="0"/>
              <a:t>Миссия и задачи</a:t>
            </a:r>
            <a:r>
              <a:rPr lang="en-US" sz="5400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ADCBD95-C9D1-44B7-80B2-D2FBBDD385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68338" y="1484312"/>
            <a:ext cx="10766101" cy="4462463"/>
          </a:xfrm>
        </p:spPr>
        <p:txBody>
          <a:bodyPr/>
          <a:lstStyle/>
          <a:p>
            <a:pPr marL="0" indent="0">
              <a:buNone/>
            </a:pPr>
            <a:r>
              <a:rPr lang="ru-RU" sz="2400" dirty="0"/>
              <a:t>Поддержка и развитие маркетинга молочной отрасли</a:t>
            </a:r>
          </a:p>
          <a:p>
            <a:pPr marL="0" indent="0">
              <a:buNone/>
            </a:pPr>
            <a:endParaRPr lang="ru-RU" dirty="0"/>
          </a:p>
          <a:p>
            <a:pPr marL="0" indent="0">
              <a:buNone/>
            </a:pPr>
            <a:endParaRPr lang="ru-RU" sz="2000" dirty="0">
              <a:solidFill>
                <a:schemeClr val="accent2"/>
              </a:solidFill>
            </a:endParaRPr>
          </a:p>
          <a:p>
            <a:pPr marL="0" indent="0">
              <a:buNone/>
            </a:pPr>
            <a:r>
              <a:rPr lang="ru-RU" sz="2400" b="1" dirty="0">
                <a:solidFill>
                  <a:schemeClr val="accent2"/>
                </a:solidFill>
              </a:rPr>
              <a:t>Объединяемся, чтобы</a:t>
            </a:r>
          </a:p>
          <a:p>
            <a:pPr>
              <a:buFontTx/>
              <a:buChar char="-"/>
            </a:pPr>
            <a:r>
              <a:rPr lang="ru-RU" sz="2400" dirty="0"/>
              <a:t>повысить значимость маркетинга на предприятии </a:t>
            </a:r>
          </a:p>
          <a:p>
            <a:pPr>
              <a:buFontTx/>
              <a:buChar char="-"/>
            </a:pPr>
            <a:r>
              <a:rPr lang="ru-RU" sz="2400" dirty="0"/>
              <a:t>повышать уровень знаний и профессионализма маркетинга </a:t>
            </a:r>
          </a:p>
          <a:p>
            <a:pPr marL="0" indent="0">
              <a:buNone/>
            </a:pPr>
            <a:r>
              <a:rPr lang="ru-RU" sz="2400" dirty="0"/>
              <a:t>- способствовать развитию категории и созданию новых молочных продуктов</a:t>
            </a:r>
          </a:p>
          <a:p>
            <a:pPr>
              <a:buFontTx/>
              <a:buChar char="-"/>
            </a:pPr>
            <a:r>
              <a:rPr lang="ru-RU" sz="2400" dirty="0"/>
              <a:t>повышать имидж молочных продуктов и уровень знаний потребителей об их пользе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D70673-42C8-4E9F-A720-35BD21B9683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85924A59-8900-4873-B62B-B04443F218B4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E30BB7B7-348A-4D1A-B519-8643E57DD35D}"/>
              </a:ext>
            </a:extLst>
          </p:cNvPr>
          <p:cNvSpPr/>
          <p:nvPr/>
        </p:nvSpPr>
        <p:spPr>
          <a:xfrm>
            <a:off x="10546672" y="6019060"/>
            <a:ext cx="1454528" cy="70934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ru-RU" sz="1400" dirty="0" err="1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B5D3BF1C-F1EE-4D71-94FF-70DFB5DC68B0}"/>
              </a:ext>
            </a:extLst>
          </p:cNvPr>
          <p:cNvSpPr/>
          <p:nvPr/>
        </p:nvSpPr>
        <p:spPr>
          <a:xfrm>
            <a:off x="493746" y="6267450"/>
            <a:ext cx="2211353" cy="44507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ru-RU" sz="1400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108229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7" dur="5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263415-B9AE-4F1E-9090-DF9F4EA3B6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sz="5400" dirty="0"/>
              <a:t>Кого объединим?</a:t>
            </a:r>
            <a:endParaRPr lang="en-US" sz="54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ADCBD95-C9D1-44B7-80B2-D2FBBDD3852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ru-RU" sz="2800" dirty="0"/>
              <a:t>Маркетологи производителей и переработчиков молока</a:t>
            </a:r>
          </a:p>
          <a:p>
            <a:r>
              <a:rPr lang="ru-RU" sz="2800" dirty="0"/>
              <a:t>Специалисты и владельцы бизнеса в сфере маркетинга</a:t>
            </a:r>
          </a:p>
          <a:p>
            <a:pPr marL="0" indent="0">
              <a:buNone/>
            </a:pPr>
            <a:endParaRPr lang="ru-RU" sz="2800" dirty="0"/>
          </a:p>
          <a:p>
            <a:pPr marL="0" indent="0">
              <a:buNone/>
            </a:pPr>
            <a:r>
              <a:rPr lang="ru-RU" sz="2800" dirty="0"/>
              <a:t>А также</a:t>
            </a:r>
          </a:p>
          <a:p>
            <a:r>
              <a:rPr lang="ru-RU" sz="2800" dirty="0"/>
              <a:t>Специалисты, вовлеченные с решение маркетинговых вопросов</a:t>
            </a:r>
          </a:p>
          <a:p>
            <a:r>
              <a:rPr lang="ru-RU" sz="2800" dirty="0"/>
              <a:t>Собственники бизнеса и руководители предприятий</a:t>
            </a:r>
          </a:p>
          <a:p>
            <a:pPr marL="0" indent="0">
              <a:buNone/>
            </a:pPr>
            <a:endParaRPr lang="ru-RU" sz="2000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D70673-42C8-4E9F-A720-35BD21B9683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5924A59-8900-4873-B62B-B04443F218B4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404040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404040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E30BB7B7-348A-4D1A-B519-8643E57DD35D}"/>
              </a:ext>
            </a:extLst>
          </p:cNvPr>
          <p:cNvSpPr/>
          <p:nvPr/>
        </p:nvSpPr>
        <p:spPr>
          <a:xfrm>
            <a:off x="10546672" y="6019060"/>
            <a:ext cx="1454528" cy="70934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B5D3BF1C-F1EE-4D71-94FF-70DFB5DC68B0}"/>
              </a:ext>
            </a:extLst>
          </p:cNvPr>
          <p:cNvSpPr/>
          <p:nvPr/>
        </p:nvSpPr>
        <p:spPr>
          <a:xfrm>
            <a:off x="493746" y="6267450"/>
            <a:ext cx="2211353" cy="44507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387008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1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4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263415-B9AE-4F1E-9090-DF9F4EA3B6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sz="5400" dirty="0"/>
              <a:t>Направления активности?</a:t>
            </a:r>
            <a:endParaRPr lang="en-US" sz="5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D70673-42C8-4E9F-A720-35BD21B9683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5924A59-8900-4873-B62B-B04443F218B4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404040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404040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E30BB7B7-348A-4D1A-B519-8643E57DD35D}"/>
              </a:ext>
            </a:extLst>
          </p:cNvPr>
          <p:cNvSpPr/>
          <p:nvPr/>
        </p:nvSpPr>
        <p:spPr>
          <a:xfrm>
            <a:off x="10546672" y="6019060"/>
            <a:ext cx="1454528" cy="70934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B5D3BF1C-F1EE-4D71-94FF-70DFB5DC68B0}"/>
              </a:ext>
            </a:extLst>
          </p:cNvPr>
          <p:cNvSpPr/>
          <p:nvPr/>
        </p:nvSpPr>
        <p:spPr>
          <a:xfrm>
            <a:off x="493746" y="6267450"/>
            <a:ext cx="2211353" cy="44507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ADCBD95-C9D1-44B7-80B2-D2FBBDD385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01117" y="1556597"/>
            <a:ext cx="10572819" cy="4462463"/>
          </a:xfrm>
        </p:spPr>
        <p:txBody>
          <a:bodyPr/>
          <a:lstStyle/>
          <a:p>
            <a:r>
              <a:rPr lang="ru-RU" sz="2200" dirty="0"/>
              <a:t>Аналитика рынка, инициативные исследования молочного рынка</a:t>
            </a:r>
          </a:p>
          <a:p>
            <a:r>
              <a:rPr lang="ru-RU" sz="2200" dirty="0"/>
              <a:t>Маркетинговое обучение силами членов сообщества и приглашенных маркетинговых «звезд»</a:t>
            </a:r>
          </a:p>
          <a:p>
            <a:r>
              <a:rPr lang="ru-RU" sz="2200" dirty="0"/>
              <a:t>Изучение региональных потребительских трендов, обзоры региональных молочных рынков</a:t>
            </a:r>
          </a:p>
          <a:p>
            <a:r>
              <a:rPr lang="ru-RU" sz="2200" dirty="0"/>
              <a:t>Кадровый резерв отрасли </a:t>
            </a:r>
          </a:p>
          <a:p>
            <a:r>
              <a:rPr lang="ru-RU" sz="2200" dirty="0"/>
              <a:t>Взаимодействие со специалистами сетей для лучшего понимания их нужд и запросов</a:t>
            </a:r>
          </a:p>
          <a:p>
            <a:r>
              <a:rPr lang="ru-RU" sz="2200" dirty="0"/>
              <a:t>Обмен мнениями с привлечением экспертизы членов организации: </a:t>
            </a:r>
            <a:r>
              <a:rPr lang="en-US" sz="2200" dirty="0"/>
              <a:t>on-line</a:t>
            </a:r>
            <a:r>
              <a:rPr lang="en-US" sz="2200"/>
              <a:t>, off-line</a:t>
            </a:r>
            <a:endParaRPr lang="ru-RU" sz="2200" dirty="0"/>
          </a:p>
          <a:p>
            <a:r>
              <a:rPr lang="ru-RU" sz="2200" dirty="0"/>
              <a:t>Содействие в решении актуальных вопросов предприятий в поле маркетинга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408893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7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263415-B9AE-4F1E-9090-DF9F4EA3B6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sz="5400" dirty="0"/>
              <a:t>Форма, статус,</a:t>
            </a:r>
            <a:br>
              <a:rPr lang="ru-RU" sz="5400" dirty="0"/>
            </a:br>
            <a:r>
              <a:rPr lang="ru-RU" sz="5400" dirty="0"/>
              <a:t>условия участия?</a:t>
            </a:r>
            <a:endParaRPr lang="en-US" sz="5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D70673-42C8-4E9F-A720-35BD21B9683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5924A59-8900-4873-B62B-B04443F218B4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404040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404040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E30BB7B7-348A-4D1A-B519-8643E57DD35D}"/>
              </a:ext>
            </a:extLst>
          </p:cNvPr>
          <p:cNvSpPr/>
          <p:nvPr/>
        </p:nvSpPr>
        <p:spPr>
          <a:xfrm>
            <a:off x="10546672" y="6019060"/>
            <a:ext cx="1454528" cy="70934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B5D3BF1C-F1EE-4D71-94FF-70DFB5DC68B0}"/>
              </a:ext>
            </a:extLst>
          </p:cNvPr>
          <p:cNvSpPr/>
          <p:nvPr/>
        </p:nvSpPr>
        <p:spPr>
          <a:xfrm>
            <a:off x="493746" y="6267450"/>
            <a:ext cx="2211353" cy="44507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ADCBD95-C9D1-44B7-80B2-D2FBBDD385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68338" y="2395537"/>
            <a:ext cx="10695079" cy="4462463"/>
          </a:xfrm>
        </p:spPr>
        <p:txBody>
          <a:bodyPr/>
          <a:lstStyle/>
          <a:p>
            <a:r>
              <a:rPr lang="ru-RU" sz="2200" dirty="0"/>
              <a:t>Не преследуем чьих-либо коммерческих интересов, но соблюдаем коммерческие интересы всех участников</a:t>
            </a:r>
          </a:p>
          <a:p>
            <a:r>
              <a:rPr lang="ru-RU" sz="2200" dirty="0"/>
              <a:t>Международный статус – приглашаем коллег из Беларуси, Казахстана и других стран</a:t>
            </a:r>
          </a:p>
          <a:p>
            <a:r>
              <a:rPr lang="ru-RU" sz="2200" dirty="0"/>
              <a:t>Открыты для учредителей для более полной представленности российских регионов и стран</a:t>
            </a:r>
          </a:p>
          <a:p>
            <a:r>
              <a:rPr lang="ru-RU" sz="2200" dirty="0"/>
              <a:t>Членство: будут разработаны требования к членам ассоциации </a:t>
            </a:r>
          </a:p>
          <a:p>
            <a:r>
              <a:rPr lang="ru-RU" sz="2200" dirty="0"/>
              <a:t>Предусматриваются членские взносы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634636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263415-B9AE-4F1E-9090-DF9F4EA3B6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sz="5400" dirty="0"/>
              <a:t>Ваши дальнейшие действия?</a:t>
            </a:r>
            <a:endParaRPr lang="en-US" sz="5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D70673-42C8-4E9F-A720-35BD21B9683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5924A59-8900-4873-B62B-B04443F218B4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404040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404040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E30BB7B7-348A-4D1A-B519-8643E57DD35D}"/>
              </a:ext>
            </a:extLst>
          </p:cNvPr>
          <p:cNvSpPr/>
          <p:nvPr/>
        </p:nvSpPr>
        <p:spPr>
          <a:xfrm>
            <a:off x="10546672" y="6019060"/>
            <a:ext cx="1454528" cy="70934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B5D3BF1C-F1EE-4D71-94FF-70DFB5DC68B0}"/>
              </a:ext>
            </a:extLst>
          </p:cNvPr>
          <p:cNvSpPr/>
          <p:nvPr/>
        </p:nvSpPr>
        <p:spPr>
          <a:xfrm>
            <a:off x="493746" y="6267450"/>
            <a:ext cx="2211353" cy="44507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ADCBD95-C9D1-44B7-80B2-D2FBBDD385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01117" y="1661189"/>
            <a:ext cx="10572819" cy="4462463"/>
          </a:xfrm>
        </p:spPr>
        <p:txBody>
          <a:bodyPr/>
          <a:lstStyle/>
          <a:p>
            <a:r>
              <a:rPr lang="ru-RU" sz="2800" dirty="0"/>
              <a:t>Цикл онлайн сессий по актуальным темам </a:t>
            </a:r>
          </a:p>
          <a:p>
            <a:r>
              <a:rPr lang="ru-RU" sz="2800" dirty="0"/>
              <a:t>Создание ресурсов в </a:t>
            </a:r>
            <a:r>
              <a:rPr lang="ru-RU" sz="2800" dirty="0" err="1"/>
              <a:t>соц.сетях</a:t>
            </a:r>
            <a:r>
              <a:rPr lang="ru-RU" sz="2800" dirty="0"/>
              <a:t> (Телеграм, </a:t>
            </a:r>
            <a:r>
              <a:rPr lang="ru-RU" sz="2800" dirty="0" err="1"/>
              <a:t>ВКонтакте</a:t>
            </a:r>
            <a:r>
              <a:rPr lang="ru-RU" sz="2800" dirty="0"/>
              <a:t>) с полезной информацией</a:t>
            </a:r>
          </a:p>
          <a:p>
            <a:r>
              <a:rPr lang="ru-RU" sz="2800" dirty="0"/>
              <a:t>Обратная связь со специалистами отрасли, какие есть актуальные вопросы и направления активности для сообщества</a:t>
            </a:r>
          </a:p>
          <a:p>
            <a:r>
              <a:rPr lang="ru-RU" sz="2800" dirty="0"/>
              <a:t>Продолжаем работу по определению наиболее оптимальной формы организации</a:t>
            </a:r>
          </a:p>
          <a:p>
            <a:endParaRPr lang="ru-RU" sz="22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027065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263415-B9AE-4F1E-9090-DF9F4EA3B6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9037" y="308446"/>
            <a:ext cx="11613926" cy="900699"/>
          </a:xfrm>
        </p:spPr>
        <p:txBody>
          <a:bodyPr/>
          <a:lstStyle/>
          <a:p>
            <a:r>
              <a:rPr lang="ru-RU" sz="5400" dirty="0"/>
              <a:t>Остаемся на связи с вами</a:t>
            </a:r>
            <a:br>
              <a:rPr lang="ru-RU" sz="8800" dirty="0"/>
            </a:br>
            <a:br>
              <a:rPr lang="en-US" sz="8800" dirty="0"/>
            </a:br>
            <a:endParaRPr lang="en-US" sz="88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D70673-42C8-4E9F-A720-35BD21B9683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5924A59-8900-4873-B62B-B04443F218B4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404040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404040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E30BB7B7-348A-4D1A-B519-8643E57DD35D}"/>
              </a:ext>
            </a:extLst>
          </p:cNvPr>
          <p:cNvSpPr/>
          <p:nvPr/>
        </p:nvSpPr>
        <p:spPr>
          <a:xfrm>
            <a:off x="10546672" y="6019060"/>
            <a:ext cx="1454528" cy="70934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B5D3BF1C-F1EE-4D71-94FF-70DFB5DC68B0}"/>
              </a:ext>
            </a:extLst>
          </p:cNvPr>
          <p:cNvSpPr/>
          <p:nvPr/>
        </p:nvSpPr>
        <p:spPr>
          <a:xfrm>
            <a:off x="493746" y="6267450"/>
            <a:ext cx="2211353" cy="44507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ru-RU" sz="1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3B301E2-EC67-431B-A122-0992E88EF57B}"/>
              </a:ext>
            </a:extLst>
          </p:cNvPr>
          <p:cNvSpPr txBox="1">
            <a:spLocks/>
          </p:cNvSpPr>
          <p:nvPr/>
        </p:nvSpPr>
        <p:spPr>
          <a:xfrm>
            <a:off x="3906942" y="4482715"/>
            <a:ext cx="6430660" cy="96468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>
                <a:solidFill>
                  <a:schemeClr val="accent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ru-RU" sz="3600" b="0" dirty="0"/>
              <a:t>Юрий Власенко</a:t>
            </a:r>
          </a:p>
          <a:p>
            <a:r>
              <a:rPr lang="en-US" sz="3600" b="0" dirty="0"/>
              <a:t>yuvlasenko@thebestpractice.ru</a:t>
            </a:r>
            <a:br>
              <a:rPr lang="ru-RU" sz="8800" dirty="0"/>
            </a:br>
            <a:br>
              <a:rPr lang="en-US" sz="8800" dirty="0"/>
            </a:br>
            <a:endParaRPr lang="en-US" sz="8800" dirty="0"/>
          </a:p>
        </p:txBody>
      </p:sp>
      <p:pic>
        <p:nvPicPr>
          <p:cNvPr id="2051" name="Picture 3" descr="image">
            <a:extLst>
              <a:ext uri="{FF2B5EF4-FFF2-40B4-BE49-F238E27FC236}">
                <a16:creationId xmlns:a16="http://schemas.microsoft.com/office/drawing/2014/main" id="{EC499018-6BD5-4278-A953-B35796BF3D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12326" y="4388184"/>
            <a:ext cx="1985546" cy="19855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6" name="Picture 5" descr="Qr code&#10;&#10;Description automatically generated">
            <a:extLst>
              <a:ext uri="{FF2B5EF4-FFF2-40B4-BE49-F238E27FC236}">
                <a16:creationId xmlns:a16="http://schemas.microsoft.com/office/drawing/2014/main" id="{BFDC5EAC-5EDA-458F-AE49-AA6056244AB3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52039" y="1495601"/>
            <a:ext cx="1906120" cy="2508827"/>
          </a:xfrm>
          <a:prstGeom prst="rect">
            <a:avLst/>
          </a:prstGeom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F12FF228-2A89-46B7-B508-33239FFE87BD}"/>
              </a:ext>
            </a:extLst>
          </p:cNvPr>
          <p:cNvSpPr txBox="1">
            <a:spLocks/>
          </p:cNvSpPr>
          <p:nvPr/>
        </p:nvSpPr>
        <p:spPr>
          <a:xfrm>
            <a:off x="3906942" y="1495601"/>
            <a:ext cx="6430660" cy="96468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>
                <a:solidFill>
                  <a:schemeClr val="accent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ru-RU" sz="3600" b="0" dirty="0"/>
              <a:t>Наталья Тютикова</a:t>
            </a:r>
          </a:p>
          <a:p>
            <a:r>
              <a:rPr lang="en-US" sz="3600" b="0" dirty="0"/>
              <a:t>@natalyatyut</a:t>
            </a:r>
            <a:br>
              <a:rPr lang="ru-RU" sz="8800" dirty="0"/>
            </a:br>
            <a:br>
              <a:rPr lang="en-US" sz="8800" dirty="0"/>
            </a:br>
            <a:endParaRPr lang="en-US" sz="8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79551315"/>
      </p:ext>
    </p:extLst>
  </p:cSld>
  <p:clrMapOvr>
    <a:masterClrMapping/>
  </p:clrMapOvr>
</p:sld>
</file>

<file path=ppt/theme/theme1.xml><?xml version="1.0" encoding="utf-8"?>
<a:theme xmlns:a="http://schemas.openxmlformats.org/drawingml/2006/main" name="Chr. Hansen">
  <a:themeElements>
    <a:clrScheme name="CH Colors">
      <a:dk1>
        <a:srgbClr val="404040"/>
      </a:dk1>
      <a:lt1>
        <a:srgbClr val="FFFFFF"/>
      </a:lt1>
      <a:dk2>
        <a:srgbClr val="404040"/>
      </a:dk2>
      <a:lt2>
        <a:srgbClr val="00814D"/>
      </a:lt2>
      <a:accent1>
        <a:srgbClr val="042947"/>
      </a:accent1>
      <a:accent2>
        <a:srgbClr val="004B88"/>
      </a:accent2>
      <a:accent3>
        <a:srgbClr val="00814D"/>
      </a:accent3>
      <a:accent4>
        <a:srgbClr val="034743"/>
      </a:accent4>
      <a:accent5>
        <a:srgbClr val="999999"/>
      </a:accent5>
      <a:accent6>
        <a:srgbClr val="00A5E4"/>
      </a:accent6>
      <a:hlink>
        <a:srgbClr val="00A5E4"/>
      </a:hlink>
      <a:folHlink>
        <a:srgbClr val="DE5562"/>
      </a:folHlink>
    </a:clrScheme>
    <a:fontScheme name="Chr Hansen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3"/>
        </a:solidFill>
        <a:ln>
          <a:noFill/>
        </a:ln>
      </a:spPr>
      <a:bodyPr lIns="72000" tIns="72000" rIns="72000" bIns="72000"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chemeClr val="bg2"/>
          </a:solidFill>
          <a:miter lim="800000"/>
          <a:tailEnd type="none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1400" dirty="0" err="1" smtClean="0"/>
        </a:defPPr>
      </a:lstStyle>
    </a:txDef>
  </a:objectDefaults>
  <a:extraClrSchemeLst/>
  <a:custClrLst>
    <a:custClr name="CH LOGOBLUE">
      <a:srgbClr val="004B88"/>
    </a:custClr>
    <a:custClr name="CH DARK BLUE">
      <a:srgbClr val="042947"/>
    </a:custClr>
    <a:custClr name="CH LOGO GREEN">
      <a:srgbClr val="00814D"/>
    </a:custClr>
    <a:custClr name="CH DARK GREEN">
      <a:srgbClr val="034743"/>
    </a:custClr>
    <a:custClr name="CH CLEAR BLUE">
      <a:srgbClr val="00A5E4"/>
    </a:custClr>
    <a:custClr name="CH GRAY 1">
      <a:srgbClr val="E8E8E8"/>
    </a:custClr>
    <a:custClr name="CH GRAY COPY">
      <a:srgbClr val="404040"/>
    </a:custClr>
    <a:custClr name="CH ERROR RED">
      <a:srgbClr val="DE5562"/>
    </a:custClr>
    <a:custClr name="CH LOGO GREEN">
      <a:srgbClr val="00814D"/>
    </a:custClr>
    <a:custClr name="CH YELLOW">
      <a:srgbClr val="F7B100"/>
    </a:custClr>
    <a:custClr name="CH BLUE 2">
      <a:srgbClr val="336E96"/>
    </a:custClr>
    <a:custClr name="CH DARK BLUE 2">
      <a:srgbClr val="36536B"/>
    </a:custClr>
    <a:custClr name="CH GREEN 2">
      <a:srgbClr val="32B394"/>
    </a:custClr>
    <a:custClr name="Color has no name">
      <a:srgbClr val="FFFFFF"/>
    </a:custClr>
    <a:custClr name="Color has no name">
      <a:srgbClr val="FFFFFF"/>
    </a:custClr>
    <a:custClr name="CH GRAY 2">
      <a:srgbClr val="EBEBEB"/>
    </a:custClr>
    <a:custClr name="Color has no name">
      <a:srgbClr val="FFFFFF"/>
    </a:custClr>
    <a:custClr name="CH RED">
      <a:srgbClr val="DA2321"/>
    </a:custClr>
    <a:custClr name="CH CLEAR BLUE">
      <a:srgbClr val="00A5E4"/>
    </a:custClr>
    <a:custClr name="CH YELLOW">
      <a:srgbClr val="F7B100"/>
    </a:custClr>
    <a:custClr name="CH BLUE 3">
      <a:srgbClr val="729BB6"/>
    </a:custClr>
    <a:custClr name="CH DARK BLUE 3">
      <a:srgbClr val="687E90"/>
    </a:custClr>
    <a:custClr name="CH GREEN 3">
      <a:srgbClr val="67B394"/>
    </a:custClr>
    <a:custClr name="Color has no name">
      <a:srgbClr val="FFFFFF"/>
    </a:custClr>
    <a:custClr name="Color has no name">
      <a:srgbClr val="FFFFFF"/>
    </a:custClr>
    <a:custClr name="CH GRAY 3">
      <a:srgbClr val="CCCCCC"/>
    </a:custClr>
    <a:custClr name="Color has no name">
      <a:srgbClr val="FFFFFF"/>
    </a:custClr>
    <a:custClr name="CH PINK">
      <a:srgbClr val="B61773"/>
    </a:custClr>
    <a:custClr name="CH DODGER BLUE">
      <a:srgbClr val="0E83EA"/>
    </a:custClr>
    <a:custClr name="Color has no name">
      <a:srgbClr val="FFFFFF"/>
    </a:custClr>
    <a:custClr name="CH LOGO BLUE 4">
      <a:srgbClr val="C9D9E3"/>
    </a:custClr>
    <a:custClr name="CH BLUE 4">
      <a:srgbClr val="CCD4DA"/>
    </a:custClr>
    <a:custClr name="CH GREEN 4">
      <a:srgbClr val="CDE3DA"/>
    </a:custClr>
    <a:custClr name="Color has no name">
      <a:srgbClr val="FFFFFF"/>
    </a:custClr>
    <a:custClr name="Color has no name">
      <a:srgbClr val="FFFFFF"/>
    </a:custClr>
    <a:custClr name="CH GREY 4">
      <a:srgbClr val="999999"/>
    </a:custClr>
    <a:custClr name="Color has no name">
      <a:srgbClr val="FFFFFF"/>
    </a:custClr>
    <a:custClr name="CH ORANGE">
      <a:srgbClr val="F55900"/>
    </a:custClr>
    <a:custClr name="CH TURQUOISE">
      <a:srgbClr val="00B2A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H GRAY 5">
      <a:srgbClr val="666666"/>
    </a:custClr>
    <a:custClr name="Color has no name">
      <a:srgbClr val="FFFFFF"/>
    </a:custClr>
    <a:custClr name="CH BROWN">
      <a:srgbClr val="5E0F18"/>
    </a:custClr>
    <a:custClr name="CH LIGHT GREEN">
      <a:srgbClr val="92C400"/>
    </a:custClr>
    <a:custClr name="Color has no name">
      <a:srgbClr val="FFFFFF"/>
    </a:custClr>
    <a:custClr name="CH GREEN 4">
      <a:srgbClr val="CDE3DA"/>
    </a:custClr>
    <a:custClr name="CH GREEN 4">
      <a:srgbClr val="CDE3DA"/>
    </a:custClr>
  </a:custClrLst>
  <a:extLst>
    <a:ext uri="{05A4C25C-085E-4340-85A3-A5531E510DB2}">
      <thm15:themeFamily xmlns:thm15="http://schemas.microsoft.com/office/thememl/2012/main" name="Blank.potx" id="{D960266E-9676-4AD5-AB67-80252B3A3EFF}" vid="{7F8F4626-616C-4F14-B0AE-8B8396C7FA3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" panose="020F0502020204030204"/>
        <a:ea typeface=""/>
        <a:cs typeface=""/>
        <a:font script="Jpan" typeface="Calibri"/>
        <a:font script="Hang" typeface="Calibri"/>
        <a:font script="Hans" typeface="Calibri"/>
        <a:font script="Hant" typeface="Calibri"/>
        <a:font script="Arab" typeface="Calibri"/>
        <a:font script="Hebr" typeface="Calibri"/>
        <a:font script="Thai" typeface="Calibri"/>
        <a:font script="Ethi" typeface="Calibri"/>
        <a:font script="Beng" typeface="Calibri"/>
        <a:font script="Gujr" typeface="Calibri"/>
        <a:font script="Khmr" typeface="Calibri"/>
        <a:font script="Knda" typeface="Calibri"/>
        <a:font script="Guru" typeface="Calibri"/>
        <a:font script="Cans" typeface="Calibri"/>
        <a:font script="Cher" typeface="Calibri"/>
        <a:font script="Yiii" typeface="Calibri"/>
        <a:font script="Tibt" typeface="Calibri"/>
        <a:font script="Thaa" typeface="Calibri"/>
        <a:font script="Deva" typeface="Calibri"/>
        <a:font script="Telu" typeface="Calibri"/>
        <a:font script="Taml" typeface="Calibri"/>
        <a:font script="Syrc" typeface="Calibri"/>
        <a:font script="Orya" typeface="Calibri"/>
        <a:font script="Mlym" typeface="Calibri"/>
        <a:font script="Laoo" typeface="Calibri"/>
        <a:font script="Sinh" typeface="Calibri"/>
        <a:font script="Mong" typeface="Calibri"/>
        <a:font script="Viet" typeface="Calibri"/>
        <a:font script="Uigh" typeface="Calibri"/>
        <a:font script="Geor" typeface="Calibri"/>
        <a:font script="Armn" typeface="Arial"/>
        <a:font script="Bugi" typeface="Calibri"/>
        <a:font script="Bopo" typeface="Calibri"/>
        <a:font script="Java" typeface="Calibri"/>
        <a:font script="Lisu" typeface="Calibri"/>
        <a:font script="Mymr" typeface="Calibri"/>
        <a:font script="Nkoo" typeface="Calibri"/>
        <a:font script="Olck" typeface="Calibri"/>
        <a:font script="Osma" typeface="Calibri"/>
        <a:font script="Phag" typeface="Calibri"/>
        <a:font script="Syrn" typeface="Calibri"/>
        <a:font script="Syrj" typeface="Calibri"/>
        <a:font script="Syre" typeface="Calibri"/>
        <a:font script="Sora" typeface="Calibri"/>
        <a:font script="Tale" typeface="Calibri"/>
        <a:font script="Talu" typeface="Calibri"/>
        <a:font script="Tfng" typeface="Calibri"/>
      </a:majorFont>
      <a:minorFont>
        <a:latin typeface="Calibri" panose="020F0502020204030204"/>
        <a:ea typeface=""/>
        <a:cs typeface=""/>
        <a:font script="Jpan" typeface="Calibri"/>
        <a:font script="Hang" typeface="Calibri"/>
        <a:font script="Hans" typeface="Calibri"/>
        <a:font script="Hant" typeface="Calibri"/>
        <a:font script="Arab" typeface="Arial"/>
        <a:font script="Hebr" typeface="Arial"/>
        <a:font script="Thai" typeface="Calibri"/>
        <a:font script="Ethi" typeface="Calibri"/>
        <a:font script="Beng" typeface="Calibri"/>
        <a:font script="Gujr" typeface="Calibri"/>
        <a:font script="Khmr" typeface="DaunPenh"/>
        <a:font script="Knda" typeface="Calibri"/>
        <a:font script="Guru" typeface="Calibri"/>
        <a:font script="Cans" typeface="Calibri"/>
        <a:font script="Cher" typeface="Calibri"/>
        <a:font script="Yiii" typeface="Calibri"/>
        <a:font script="Tibt" typeface="Calibri"/>
        <a:font script="Thaa" typeface="Calibri"/>
        <a:font script="Deva" typeface="Calibri"/>
        <a:font script="Telu" typeface="Calibri"/>
        <a:font script="Taml" typeface="Calibri"/>
        <a:font script="Syrc" typeface="Calibri"/>
        <a:font script="Orya" typeface="Calibri"/>
        <a:font script="Mlym" typeface="Calibri"/>
        <a:font script="Laoo" typeface="Calibri"/>
        <a:font script="Sinh" typeface="Calibri"/>
        <a:font script="Mong" typeface="Calibri"/>
        <a:font script="Viet" typeface="Arial"/>
        <a:font script="Uigh" typeface="Calibri"/>
        <a:font script="Geor" typeface="Calibri"/>
        <a:font script="Armn" typeface="Arial"/>
        <a:font script="Bugi" typeface="Calibri"/>
        <a:font script="Bopo" typeface="Calibri"/>
        <a:font script="Java" typeface="Calibri"/>
        <a:font script="Lisu" typeface="Calibri"/>
        <a:font script="Mymr" typeface="Calibri"/>
        <a:font script="Nkoo" typeface="Calibri"/>
        <a:font script="Olck" typeface="Calibri"/>
        <a:font script="Osma" typeface="Calibri"/>
        <a:font script="Phag" typeface="Calibri"/>
        <a:font script="Syrn" typeface="Calibri"/>
        <a:font script="Syrj" typeface="Calibri"/>
        <a:font script="Syre" typeface="Calibri"/>
        <a:font script="Sora" typeface="Calibri"/>
        <a:font script="Tale" typeface="Calibri"/>
        <a:font script="Talu" typeface="Calibri"/>
        <a:font script="Tfng" typeface="Calibri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 LOGOBLUE">
      <a:srgbClr val="004B88"/>
    </a:custClr>
    <a:custClr name="CH DARK BLUE">
      <a:srgbClr val="042947"/>
    </a:custClr>
    <a:custClr name="CH LOGO GREEN">
      <a:srgbClr val="00814D"/>
    </a:custClr>
    <a:custClr name="CH DARK GREEN">
      <a:srgbClr val="034743"/>
    </a:custClr>
    <a:custClr name="CH CLEAR BLUE">
      <a:srgbClr val="00A5E4"/>
    </a:custClr>
    <a:custClr name="CH GRAY 1">
      <a:srgbClr val="E8E8E8"/>
    </a:custClr>
    <a:custClr name="CH GRAY COPY">
      <a:srgbClr val="404040"/>
    </a:custClr>
    <a:custClr name="CH ERROR RED">
      <a:srgbClr val="DE5562"/>
    </a:custClr>
    <a:custClr name="CH LOGO GREEN">
      <a:srgbClr val="00814D"/>
    </a:custClr>
    <a:custClr name="CH YELLOW">
      <a:srgbClr val="F7B100"/>
    </a:custClr>
    <a:custClr name="CH BLUE 2">
      <a:srgbClr val="336E96"/>
    </a:custClr>
    <a:custClr name="CH DARK BLUE 2">
      <a:srgbClr val="36536B"/>
    </a:custClr>
    <a:custClr name="CH GREEN 2">
      <a:srgbClr val="32B394"/>
    </a:custClr>
    <a:custClr name="Color has no name">
      <a:srgbClr val="FFFFFF"/>
    </a:custClr>
    <a:custClr name="Color has no name">
      <a:srgbClr val="FFFFFF"/>
    </a:custClr>
    <a:custClr name="CH GRAY 2">
      <a:srgbClr val="EBEBEB"/>
    </a:custClr>
    <a:custClr name="Color has no name">
      <a:srgbClr val="FFFFFF"/>
    </a:custClr>
    <a:custClr name="CH RED">
      <a:srgbClr val="DA2321"/>
    </a:custClr>
    <a:custClr name="CH CLEAR BLUE">
      <a:srgbClr val="00A5E4"/>
    </a:custClr>
    <a:custClr name="CH YELLOW">
      <a:srgbClr val="F7B100"/>
    </a:custClr>
    <a:custClr name="CH BLUE 3">
      <a:srgbClr val="729BB6"/>
    </a:custClr>
    <a:custClr name="CH DARK BLUE 3">
      <a:srgbClr val="687E90"/>
    </a:custClr>
    <a:custClr name="CH GREEN 3">
      <a:srgbClr val="67B394"/>
    </a:custClr>
    <a:custClr name="Color has no name">
      <a:srgbClr val="FFFFFF"/>
    </a:custClr>
    <a:custClr name="Color has no name">
      <a:srgbClr val="FFFFFF"/>
    </a:custClr>
    <a:custClr name="CH GRAY 3">
      <a:srgbClr val="CCCCCC"/>
    </a:custClr>
    <a:custClr name="Color has no name">
      <a:srgbClr val="FFFFFF"/>
    </a:custClr>
    <a:custClr name="CH PINK">
      <a:srgbClr val="B61773"/>
    </a:custClr>
    <a:custClr name="CH DODGER BLUE">
      <a:srgbClr val="0E83EA"/>
    </a:custClr>
    <a:custClr name="Color has no name">
      <a:srgbClr val="FFFFFF"/>
    </a:custClr>
    <a:custClr name="CH LOGO BLUE 4">
      <a:srgbClr val="C9D9E3"/>
    </a:custClr>
    <a:custClr name="CH BLUE 4">
      <a:srgbClr val="CCD4DA"/>
    </a:custClr>
    <a:custClr name="CH GREEN 4">
      <a:srgbClr val="CDE3DA"/>
    </a:custClr>
    <a:custClr name="Color has no name">
      <a:srgbClr val="FFFFFF"/>
    </a:custClr>
    <a:custClr name="Color has no name">
      <a:srgbClr val="FFFFFF"/>
    </a:custClr>
    <a:custClr name="CH GREY 4">
      <a:srgbClr val="999999"/>
    </a:custClr>
    <a:custClr name="Color has no name">
      <a:srgbClr val="FFFFFF"/>
    </a:custClr>
    <a:custClr name="CH ORANGE">
      <a:srgbClr val="F55900"/>
    </a:custClr>
    <a:custClr name="CH TURQUOISE">
      <a:srgbClr val="00B2A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H GRAY 5">
      <a:srgbClr val="666666"/>
    </a:custClr>
    <a:custClr name="Color has no name">
      <a:srgbClr val="FFFFFF"/>
    </a:custClr>
    <a:custClr name="CH BROWN">
      <a:srgbClr val="5E0F18"/>
    </a:custClr>
    <a:custClr name="CH LIGHT GREEN">
      <a:srgbClr val="92C400"/>
    </a:custClr>
    <a:custClr name="Color has no name">
      <a:srgbClr val="FFFFFF"/>
    </a:custClr>
    <a:custClr name="CH GREEN 4">
      <a:srgbClr val="CDE3DA"/>
    </a:custClr>
    <a:custClr name="CH GREEN 4">
      <a:srgbClr val="CDE3DA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" panose="020F0502020204030204"/>
        <a:ea typeface=""/>
        <a:cs typeface=""/>
        <a:font script="Jpan" typeface="Calibri"/>
        <a:font script="Hang" typeface="Calibri"/>
        <a:font script="Hans" typeface="Calibri"/>
        <a:font script="Hant" typeface="Calibri"/>
        <a:font script="Arab" typeface="Calibri"/>
        <a:font script="Hebr" typeface="Calibri"/>
        <a:font script="Thai" typeface="Calibri"/>
        <a:font script="Ethi" typeface="Calibri"/>
        <a:font script="Beng" typeface="Calibri"/>
        <a:font script="Gujr" typeface="Calibri"/>
        <a:font script="Khmr" typeface="Calibri"/>
        <a:font script="Knda" typeface="Calibri"/>
        <a:font script="Guru" typeface="Calibri"/>
        <a:font script="Cans" typeface="Calibri"/>
        <a:font script="Cher" typeface="Calibri"/>
        <a:font script="Yiii" typeface="Calibri"/>
        <a:font script="Tibt" typeface="Calibri"/>
        <a:font script="Thaa" typeface="Calibri"/>
        <a:font script="Deva" typeface="Calibri"/>
        <a:font script="Telu" typeface="Calibri"/>
        <a:font script="Taml" typeface="Calibri"/>
        <a:font script="Syrc" typeface="Calibri"/>
        <a:font script="Orya" typeface="Calibri"/>
        <a:font script="Mlym" typeface="Calibri"/>
        <a:font script="Laoo" typeface="Calibri"/>
        <a:font script="Sinh" typeface="Calibri"/>
        <a:font script="Mong" typeface="Calibri"/>
        <a:font script="Viet" typeface="Calibri"/>
        <a:font script="Uigh" typeface="Calibri"/>
        <a:font script="Geor" typeface="Calibri"/>
        <a:font script="Armn" typeface="Arial"/>
        <a:font script="Bugi" typeface="Calibri"/>
        <a:font script="Bopo" typeface="Calibri"/>
        <a:font script="Java" typeface="Calibri"/>
        <a:font script="Lisu" typeface="Calibri"/>
        <a:font script="Mymr" typeface="Calibri"/>
        <a:font script="Nkoo" typeface="Calibri"/>
        <a:font script="Olck" typeface="Calibri"/>
        <a:font script="Osma" typeface="Calibri"/>
        <a:font script="Phag" typeface="Calibri"/>
        <a:font script="Syrn" typeface="Calibri"/>
        <a:font script="Syrj" typeface="Calibri"/>
        <a:font script="Syre" typeface="Calibri"/>
        <a:font script="Sora" typeface="Calibri"/>
        <a:font script="Tale" typeface="Calibri"/>
        <a:font script="Talu" typeface="Calibri"/>
        <a:font script="Tfng" typeface="Calibri"/>
      </a:majorFont>
      <a:minorFont>
        <a:latin typeface="Calibri" panose="020F0502020204030204"/>
        <a:ea typeface=""/>
        <a:cs typeface=""/>
        <a:font script="Jpan" typeface="Calibri"/>
        <a:font script="Hang" typeface="Calibri"/>
        <a:font script="Hans" typeface="Calibri"/>
        <a:font script="Hant" typeface="Calibri"/>
        <a:font script="Arab" typeface="Arial"/>
        <a:font script="Hebr" typeface="Arial"/>
        <a:font script="Thai" typeface="Calibri"/>
        <a:font script="Ethi" typeface="Calibri"/>
        <a:font script="Beng" typeface="Calibri"/>
        <a:font script="Gujr" typeface="Calibri"/>
        <a:font script="Khmr" typeface="DaunPenh"/>
        <a:font script="Knda" typeface="Calibri"/>
        <a:font script="Guru" typeface="Calibri"/>
        <a:font script="Cans" typeface="Calibri"/>
        <a:font script="Cher" typeface="Calibri"/>
        <a:font script="Yiii" typeface="Calibri"/>
        <a:font script="Tibt" typeface="Calibri"/>
        <a:font script="Thaa" typeface="Calibri"/>
        <a:font script="Deva" typeface="Calibri"/>
        <a:font script="Telu" typeface="Calibri"/>
        <a:font script="Taml" typeface="Calibri"/>
        <a:font script="Syrc" typeface="Calibri"/>
        <a:font script="Orya" typeface="Calibri"/>
        <a:font script="Mlym" typeface="Calibri"/>
        <a:font script="Laoo" typeface="Calibri"/>
        <a:font script="Sinh" typeface="Calibri"/>
        <a:font script="Mong" typeface="Calibri"/>
        <a:font script="Viet" typeface="Arial"/>
        <a:font script="Uigh" typeface="Calibri"/>
        <a:font script="Geor" typeface="Calibri"/>
        <a:font script="Armn" typeface="Arial"/>
        <a:font script="Bugi" typeface="Calibri"/>
        <a:font script="Bopo" typeface="Calibri"/>
        <a:font script="Java" typeface="Calibri"/>
        <a:font script="Lisu" typeface="Calibri"/>
        <a:font script="Mymr" typeface="Calibri"/>
        <a:font script="Nkoo" typeface="Calibri"/>
        <a:font script="Olck" typeface="Calibri"/>
        <a:font script="Osma" typeface="Calibri"/>
        <a:font script="Phag" typeface="Calibri"/>
        <a:font script="Syrn" typeface="Calibri"/>
        <a:font script="Syrj" typeface="Calibri"/>
        <a:font script="Syre" typeface="Calibri"/>
        <a:font script="Sora" typeface="Calibri"/>
        <a:font script="Tale" typeface="Calibri"/>
        <a:font script="Talu" typeface="Calibri"/>
        <a:font script="Tfng" typeface="Calibri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 LOGOBLUE">
      <a:srgbClr val="004B88"/>
    </a:custClr>
    <a:custClr name="CH DARK BLUE">
      <a:srgbClr val="042947"/>
    </a:custClr>
    <a:custClr name="CH LOGO GREEN">
      <a:srgbClr val="00814D"/>
    </a:custClr>
    <a:custClr name="CH DARK GREEN">
      <a:srgbClr val="034743"/>
    </a:custClr>
    <a:custClr name="CH CLEAR BLUE">
      <a:srgbClr val="00A5E4"/>
    </a:custClr>
    <a:custClr name="CH GRAY 1">
      <a:srgbClr val="E8E8E8"/>
    </a:custClr>
    <a:custClr name="CH GRAY COPY">
      <a:srgbClr val="404040"/>
    </a:custClr>
    <a:custClr name="CH ERROR RED">
      <a:srgbClr val="DE5562"/>
    </a:custClr>
    <a:custClr name="CH LOGO GREEN">
      <a:srgbClr val="00814D"/>
    </a:custClr>
    <a:custClr name="CH YELLOW">
      <a:srgbClr val="F7B100"/>
    </a:custClr>
    <a:custClr name="CH BLUE 2">
      <a:srgbClr val="336E96"/>
    </a:custClr>
    <a:custClr name="CH DARK BLUE 2">
      <a:srgbClr val="36536B"/>
    </a:custClr>
    <a:custClr name="CH GREEN 2">
      <a:srgbClr val="32B394"/>
    </a:custClr>
    <a:custClr name="Color has no name">
      <a:srgbClr val="FFFFFF"/>
    </a:custClr>
    <a:custClr name="Color has no name">
      <a:srgbClr val="FFFFFF"/>
    </a:custClr>
    <a:custClr name="CH GRAY 2">
      <a:srgbClr val="EBEBEB"/>
    </a:custClr>
    <a:custClr name="Color has no name">
      <a:srgbClr val="FFFFFF"/>
    </a:custClr>
    <a:custClr name="CH RED">
      <a:srgbClr val="DA2321"/>
    </a:custClr>
    <a:custClr name="CH CLEAR BLUE">
      <a:srgbClr val="00A5E4"/>
    </a:custClr>
    <a:custClr name="CH YELLOW">
      <a:srgbClr val="F7B100"/>
    </a:custClr>
    <a:custClr name="CH BLUE 3">
      <a:srgbClr val="729BB6"/>
    </a:custClr>
    <a:custClr name="CH DARK BLUE 3">
      <a:srgbClr val="687E90"/>
    </a:custClr>
    <a:custClr name="CH GREEN 3">
      <a:srgbClr val="67B394"/>
    </a:custClr>
    <a:custClr name="Color has no name">
      <a:srgbClr val="FFFFFF"/>
    </a:custClr>
    <a:custClr name="Color has no name">
      <a:srgbClr val="FFFFFF"/>
    </a:custClr>
    <a:custClr name="CH GRAY 3">
      <a:srgbClr val="CCCCCC"/>
    </a:custClr>
    <a:custClr name="Color has no name">
      <a:srgbClr val="FFFFFF"/>
    </a:custClr>
    <a:custClr name="CH PINK">
      <a:srgbClr val="B61773"/>
    </a:custClr>
    <a:custClr name="CH DODGER BLUE">
      <a:srgbClr val="0E83EA"/>
    </a:custClr>
    <a:custClr name="Color has no name">
      <a:srgbClr val="FFFFFF"/>
    </a:custClr>
    <a:custClr name="CH LOGO BLUE 4">
      <a:srgbClr val="C9D9E3"/>
    </a:custClr>
    <a:custClr name="CH BLUE 4">
      <a:srgbClr val="CCD4DA"/>
    </a:custClr>
    <a:custClr name="CH GREEN 4">
      <a:srgbClr val="CDE3DA"/>
    </a:custClr>
    <a:custClr name="Color has no name">
      <a:srgbClr val="FFFFFF"/>
    </a:custClr>
    <a:custClr name="Color has no name">
      <a:srgbClr val="FFFFFF"/>
    </a:custClr>
    <a:custClr name="CH GREY 4">
      <a:srgbClr val="999999"/>
    </a:custClr>
    <a:custClr name="Color has no name">
      <a:srgbClr val="FFFFFF"/>
    </a:custClr>
    <a:custClr name="CH ORANGE">
      <a:srgbClr val="F55900"/>
    </a:custClr>
    <a:custClr name="CH TURQUOISE">
      <a:srgbClr val="00B2A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H GRAY 5">
      <a:srgbClr val="666666"/>
    </a:custClr>
    <a:custClr name="Color has no name">
      <a:srgbClr val="FFFFFF"/>
    </a:custClr>
    <a:custClr name="CH BROWN">
      <a:srgbClr val="5E0F18"/>
    </a:custClr>
    <a:custClr name="CH LIGHT GREEN">
      <a:srgbClr val="92C400"/>
    </a:custClr>
    <a:custClr name="Color has no name">
      <a:srgbClr val="FFFFFF"/>
    </a:custClr>
    <a:custClr name="CH GREEN 4">
      <a:srgbClr val="CDE3DA"/>
    </a:custClr>
    <a:custClr name="CH GREEN 4">
      <a:srgbClr val="CDE3DA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TemplateConfiguration><![CDATA[{"elementsMetadata":[{"type":"shape","id":"a75fa7d3-453b-4454-aa27-fb98a8dde60e","elementConfiguration":{"binding":"UserProfile.Office.Copyright","disableUpdates":false,"type":"text"}},{"type":"shape","id":"d58c9206-7961-4382-9d5e-f0dc96a09b8c","elementConfiguration":{"binding":"UserProfile.Office.Copyright","disableUpdates":false,"type":"text"}},{"type":"shape","id":"586fc209-4749-4773-bb40-549b97592668","elementConfiguration":{"binding":"UserProfile.Office.Copyright","disableUpdates":false,"type":"text"}},{"type":"shape","id":"536e0de2-b818-4eaa-a01e-4781f2edde31","elementConfiguration":{"binding":"UserProfile.Office.Copyright","disableUpdates":false,"type":"text"}}],"transformationConfigurations":[],"templateName":"Chr. Hansen PowerPoint Template","templateDescription":"","enableDocumentContentUpdater":true,"version":"1.0"}]]></Templafy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smart settings="{&quot;Id&quot;:&quot;bea5c20c-6d97-4461-9724-8e420335d280&quot;,&quot;DisplayName&quot;:&quot;Comment box&quot;,&quot;Type&quot;:&quot;Smart.Shape.Quick&quot;,&quot;Layer&quot;:{&quot;Id&quot;:&quot;20dfc0f7-11f1-4040-96ae-e5737106d5ad&quot;,&quot;Name&quot;:&quot;Review&quot;}}"/>
</file>

<file path=customXml/item14.xml><?xml version="1.0" encoding="utf-8"?>
<TemplafySlideFormConfiguration><![CDATA[{"formFields":[],"formDataEntries":[]}]]></TemplafySlideFormConfiguration>
</file>

<file path=customXml/item15.xml><?xml version="1.0" encoding="utf-8"?>
<smart settings="{&quot;Id&quot;:&quot;bea5c20c-6d97-4461-9724-8e420335d280&quot;,&quot;DisplayName&quot;:&quot;Comment box&quot;,&quot;Type&quot;:&quot;Smart.Shape.Quick&quot;,&quot;Layer&quot;:{&quot;Id&quot;:&quot;20dfc0f7-11f1-4040-96ae-e5737106d5ad&quot;,&quot;Name&quot;:&quot;Review&quot;}}"/>
</file>

<file path=customXml/item16.xml><?xml version="1.0" encoding="utf-8"?>
<TemplafySlideTemplateConfiguration><![CDATA[{"elementsMetadata":[],"documentContentValidatorConfiguration":{"enableDocumentContentValidator":false,"documentContentValidatorVersion":0},"slideId":"636795976697040902","enableDocumentContentUpdater":true,"version":"1.0"}]]></TemplafySlideTemplateConfiguration>
</file>

<file path=customXml/item1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8.xml><?xml version="1.0" encoding="utf-8"?>
<TemplafySlideTemplateConfiguration><![CDATA[{"elementsMetadata":[],"documentContentValidatorConfiguration":{"enableDocumentContentValidator":false,"documentContentValidatorVersion":0},"slideId":"636795976697040902","enableDocumentContentUpdater":true,"version":"1.0"}]]></TemplafySlideTemplateConfiguration>
</file>

<file path=customXml/item19.xml><?xml version="1.0" encoding="utf-8"?>
<TemplafySlideTemplateConfiguration><![CDATA[{"elementsMetadata":[],"documentContentValidatorConfiguration":{"enableDocumentContentValidator":false,"documentContentValidatorVersion":0},"slideId":"636795976697040902","enableDocumentContentUpdater":true,"version":"1.0"}]]></TemplafySlideTemplateConfiguration>
</file>

<file path=customXml/item2.xml><?xml version="1.0" encoding="utf-8"?>
<smart settings="{&quot;Id&quot;:&quot;bea5c20c-6d97-4461-9724-8e420335d280&quot;,&quot;DisplayName&quot;:&quot;Comment box&quot;,&quot;Type&quot;:&quot;Smart.Shape.Quick&quot;,&quot;Layer&quot;:{&quot;Id&quot;:&quot;20dfc0f7-11f1-4040-96ae-e5737106d5ad&quot;,&quot;Name&quot;:&quot;Review&quot;}}"/>
</file>

<file path=customXml/item20.xml><?xml version="1.0" encoding="utf-8"?>
<TemplafySlideFormConfiguration><![CDATA[{"formFields":[],"formDataEntries":[]}]]></TemplafySlideFormConfiguration>
</file>

<file path=customXml/item21.xml><?xml version="1.0" encoding="utf-8"?>
<smart settings="{&quot;Id&quot;:&quot;bea5c20c-6d97-4461-9724-8e420335d280&quot;,&quot;DisplayName&quot;:&quot;Comment box&quot;,&quot;Type&quot;:&quot;Smart.Shape.Quick&quot;,&quot;Layer&quot;:{&quot;Id&quot;:&quot;20dfc0f7-11f1-4040-96ae-e5737106d5ad&quot;,&quot;Name&quot;:&quot;Review&quot;}}"/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7473283036630221","enableDocumentContentUpdater":true,"version":"1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473283036630221","enableDocumentContentUpdater":true,"version":"1.0"}]]></TemplafySlideTemplate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7473283036630221","enableDocumentContentUpdater":true,"version":"1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241294788448182","enableDocumentContentUpdater":true,"version":"1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documentContentValidatorConfiguration":{"enableDocumentContentValidator":false,"documentContentValidatorVersion":0},"elementsMetadata":[],"slideId":"637473283036630221","enableDocumentContentUpdater":true,"version":"1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7473283036630221","enableDocumentContentUpdater":true,"version":"1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7473283036630221","enableDocumentContentUpdater":true,"version":"1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7473283036630221","enableDocumentContentUpdater":true,"version":"1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242786150373358","enableDocumentContentUpdater":true,"version":"1.0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637308B8037D7418398B2AE9C598DD8" ma:contentTypeVersion="10" ma:contentTypeDescription="Opret et nyt dokument." ma:contentTypeScope="" ma:versionID="c4705e22581268f1b4f9d4e36d5f1cd4">
  <xsd:schema xmlns:xsd="http://www.w3.org/2001/XMLSchema" xmlns:xs="http://www.w3.org/2001/XMLSchema" xmlns:p="http://schemas.microsoft.com/office/2006/metadata/properties" xmlns:ns3="b3c8f6b3-6c85-4471-847b-a0aae48a3f18" targetNamespace="http://schemas.microsoft.com/office/2006/metadata/properties" ma:root="true" ma:fieldsID="6fc9b86f4e2fafbf04449b5dc6e0a0ec" ns3:_="">
    <xsd:import namespace="b3c8f6b3-6c85-4471-847b-a0aae48a3f18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Location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3c8f6b3-6c85-4471-847b-a0aae48a3f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OCR" ma:index="12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elementsMetadata":[],"documentContentValidatorConfiguration":{"enableDocumentContentValidator":false,"documentContentValidatorVersion":0},"slideId":"636795976697040902","enableDocumentContentUpdater":true,"version":"1.0"}]]></TemplafySlideTemplateConfiguration>
</file>

<file path=customXml/item8.xml><?xml version="1.0" encoding="utf-8"?>
<smart settings="{&quot;Id&quot;:&quot;bea5c20c-6d97-4461-9724-8e420335d280&quot;,&quot;DisplayName&quot;:&quot;Comment box&quot;,&quot;Type&quot;:&quot;Smart.Shape.Quick&quot;,&quot;Layer&quot;:{&quot;Id&quot;:&quot;20dfc0f7-11f1-4040-96ae-e5737106d5ad&quot;,&quot;Name&quot;:&quot;Review&quot;}}"/>
</file>

<file path=customXml/item9.xml><?xml version="1.0" encoding="utf-8"?>
<smart settings="{&quot;Id&quot;:&quot;bea5c20c-6d97-4461-9724-8e420335d280&quot;,&quot;DisplayName&quot;:&quot;Comment box&quot;,&quot;Type&quot;:&quot;Smart.Shape.Quick&quot;,&quot;Layer&quot;:{&quot;Id&quot;:&quot;20dfc0f7-11f1-4040-96ae-e5737106d5ad&quot;,&quot;Name&quot;:&quot;Review&quot;}}"/>
</file>

<file path=customXml/itemProps1.xml><?xml version="1.0" encoding="utf-8"?>
<ds:datastoreItem xmlns:ds="http://schemas.openxmlformats.org/officeDocument/2006/customXml" ds:itemID="{72290231-3986-4AA2-BB39-AF292AAD559D}">
  <ds:schemaRefs/>
</ds:datastoreItem>
</file>

<file path=customXml/itemProps10.xml><?xml version="1.0" encoding="utf-8"?>
<ds:datastoreItem xmlns:ds="http://schemas.openxmlformats.org/officeDocument/2006/customXml" ds:itemID="{F5D86F11-9A05-42EA-AD37-08F83235E60C}">
  <ds:schemaRefs/>
</ds:datastoreItem>
</file>

<file path=customXml/itemProps11.xml><?xml version="1.0" encoding="utf-8"?>
<ds:datastoreItem xmlns:ds="http://schemas.openxmlformats.org/officeDocument/2006/customXml" ds:itemID="{05C7B637-B277-41B2-84BA-D5679CD036CE}">
  <ds:schemaRefs/>
</ds:datastoreItem>
</file>

<file path=customXml/itemProps12.xml><?xml version="1.0" encoding="utf-8"?>
<ds:datastoreItem xmlns:ds="http://schemas.openxmlformats.org/officeDocument/2006/customXml" ds:itemID="{E0C37352-8821-4E87-A3AF-3CC6F5FEAD67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C79C9EAB-BE72-47D9-95F1-789908B0D584}">
  <ds:schemaRefs/>
</ds:datastoreItem>
</file>

<file path=customXml/itemProps14.xml><?xml version="1.0" encoding="utf-8"?>
<ds:datastoreItem xmlns:ds="http://schemas.openxmlformats.org/officeDocument/2006/customXml" ds:itemID="{EBF2C13F-B979-443C-823E-16A239738B1C}">
  <ds:schemaRefs/>
</ds:datastoreItem>
</file>

<file path=customXml/itemProps15.xml><?xml version="1.0" encoding="utf-8"?>
<ds:datastoreItem xmlns:ds="http://schemas.openxmlformats.org/officeDocument/2006/customXml" ds:itemID="{A6950DFA-3943-446F-B798-367BD3D643C8}">
  <ds:schemaRefs/>
</ds:datastoreItem>
</file>

<file path=customXml/itemProps16.xml><?xml version="1.0" encoding="utf-8"?>
<ds:datastoreItem xmlns:ds="http://schemas.openxmlformats.org/officeDocument/2006/customXml" ds:itemID="{8696E998-4683-4342-BB10-B0F1F40743A3}">
  <ds:schemaRefs/>
</ds:datastoreItem>
</file>

<file path=customXml/itemProps17.xml><?xml version="1.0" encoding="utf-8"?>
<ds:datastoreItem xmlns:ds="http://schemas.openxmlformats.org/officeDocument/2006/customXml" ds:itemID="{2B7C823A-3E8F-4B5D-974A-C2FC7DB2B122}">
  <ds:schemaRefs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microsoft.com/office/2006/documentManagement/types"/>
    <ds:schemaRef ds:uri="b3c8f6b3-6c85-4471-847b-a0aae48a3f18"/>
    <ds:schemaRef ds:uri="http://www.w3.org/XML/1998/namespace"/>
  </ds:schemaRefs>
</ds:datastoreItem>
</file>

<file path=customXml/itemProps18.xml><?xml version="1.0" encoding="utf-8"?>
<ds:datastoreItem xmlns:ds="http://schemas.openxmlformats.org/officeDocument/2006/customXml" ds:itemID="{DB7BED08-F1D9-4148-93AB-C04DA35CDE74}">
  <ds:schemaRefs/>
</ds:datastoreItem>
</file>

<file path=customXml/itemProps19.xml><?xml version="1.0" encoding="utf-8"?>
<ds:datastoreItem xmlns:ds="http://schemas.openxmlformats.org/officeDocument/2006/customXml" ds:itemID="{A9B4CCB5-EFEE-4490-9EF5-7A177D361563}">
  <ds:schemaRefs/>
</ds:datastoreItem>
</file>

<file path=customXml/itemProps2.xml><?xml version="1.0" encoding="utf-8"?>
<ds:datastoreItem xmlns:ds="http://schemas.openxmlformats.org/officeDocument/2006/customXml" ds:itemID="{863C8D08-4F48-4E6A-A5F6-EEC0A5B60CC8}">
  <ds:schemaRefs/>
</ds:datastoreItem>
</file>

<file path=customXml/itemProps20.xml><?xml version="1.0" encoding="utf-8"?>
<ds:datastoreItem xmlns:ds="http://schemas.openxmlformats.org/officeDocument/2006/customXml" ds:itemID="{4F31FA15-76CA-41CE-BB24-4B42CA24C3E4}">
  <ds:schemaRefs/>
</ds:datastoreItem>
</file>

<file path=customXml/itemProps21.xml><?xml version="1.0" encoding="utf-8"?>
<ds:datastoreItem xmlns:ds="http://schemas.openxmlformats.org/officeDocument/2006/customXml" ds:itemID="{C34F5863-169A-4BFC-9657-AB99C13B1C38}">
  <ds:schemaRefs/>
</ds:datastoreItem>
</file>

<file path=customXml/itemProps22.xml><?xml version="1.0" encoding="utf-8"?>
<ds:datastoreItem xmlns:ds="http://schemas.openxmlformats.org/officeDocument/2006/customXml" ds:itemID="{8283980E-179C-4AF8-827B-58192DB44EB1}">
  <ds:schemaRefs/>
</ds:datastoreItem>
</file>

<file path=customXml/itemProps23.xml><?xml version="1.0" encoding="utf-8"?>
<ds:datastoreItem xmlns:ds="http://schemas.openxmlformats.org/officeDocument/2006/customXml" ds:itemID="{EA03AEDC-B49E-4B33-BB55-E2BEFC35BC13}">
  <ds:schemaRefs/>
</ds:datastoreItem>
</file>

<file path=customXml/itemProps24.xml><?xml version="1.0" encoding="utf-8"?>
<ds:datastoreItem xmlns:ds="http://schemas.openxmlformats.org/officeDocument/2006/customXml" ds:itemID="{0EC75A2C-A163-4F52-806E-0B46471B8641}">
  <ds:schemaRefs/>
</ds:datastoreItem>
</file>

<file path=customXml/itemProps25.xml><?xml version="1.0" encoding="utf-8"?>
<ds:datastoreItem xmlns:ds="http://schemas.openxmlformats.org/officeDocument/2006/customXml" ds:itemID="{A89AF057-69D0-4FCB-8154-97CD9A106095}">
  <ds:schemaRefs/>
</ds:datastoreItem>
</file>

<file path=customXml/itemProps26.xml><?xml version="1.0" encoding="utf-8"?>
<ds:datastoreItem xmlns:ds="http://schemas.openxmlformats.org/officeDocument/2006/customXml" ds:itemID="{028EC033-E34E-43E2-B32C-74BA607CB8AD}">
  <ds:schemaRefs/>
</ds:datastoreItem>
</file>

<file path=customXml/itemProps27.xml><?xml version="1.0" encoding="utf-8"?>
<ds:datastoreItem xmlns:ds="http://schemas.openxmlformats.org/officeDocument/2006/customXml" ds:itemID="{0C4521EC-0AF7-45C3-8FEA-1C1D88113D5B}">
  <ds:schemaRefs/>
</ds:datastoreItem>
</file>

<file path=customXml/itemProps28.xml><?xml version="1.0" encoding="utf-8"?>
<ds:datastoreItem xmlns:ds="http://schemas.openxmlformats.org/officeDocument/2006/customXml" ds:itemID="{A4FD335C-01BD-495E-9E31-FD910EFC177D}">
  <ds:schemaRefs/>
</ds:datastoreItem>
</file>

<file path=customXml/itemProps29.xml><?xml version="1.0" encoding="utf-8"?>
<ds:datastoreItem xmlns:ds="http://schemas.openxmlformats.org/officeDocument/2006/customXml" ds:itemID="{479FBCF3-84A3-4C30-B75D-C187888696A1}">
  <ds:schemaRefs/>
</ds:datastoreItem>
</file>

<file path=customXml/itemProps3.xml><?xml version="1.0" encoding="utf-8"?>
<ds:datastoreItem xmlns:ds="http://schemas.openxmlformats.org/officeDocument/2006/customXml" ds:itemID="{69E8966E-6E19-4038-B147-64A2ADE544DA}">
  <ds:schemaRefs/>
</ds:datastoreItem>
</file>

<file path=customXml/itemProps30.xml><?xml version="1.0" encoding="utf-8"?>
<ds:datastoreItem xmlns:ds="http://schemas.openxmlformats.org/officeDocument/2006/customXml" ds:itemID="{657F5E6B-798B-457A-804A-431BAC611764}">
  <ds:schemaRefs/>
</ds:datastoreItem>
</file>

<file path=customXml/itemProps31.xml><?xml version="1.0" encoding="utf-8"?>
<ds:datastoreItem xmlns:ds="http://schemas.openxmlformats.org/officeDocument/2006/customXml" ds:itemID="{61647086-71F3-452D-A1B9-6E98FC419771}">
  <ds:schemaRefs/>
</ds:datastoreItem>
</file>

<file path=customXml/itemProps32.xml><?xml version="1.0" encoding="utf-8"?>
<ds:datastoreItem xmlns:ds="http://schemas.openxmlformats.org/officeDocument/2006/customXml" ds:itemID="{C428BF04-5A7E-4014-9C26-B0AE7515228A}">
  <ds:schemaRefs/>
</ds:datastoreItem>
</file>

<file path=customXml/itemProps33.xml><?xml version="1.0" encoding="utf-8"?>
<ds:datastoreItem xmlns:ds="http://schemas.openxmlformats.org/officeDocument/2006/customXml" ds:itemID="{1B8993C9-E922-4EC4-A160-E8A2601D4A39}">
  <ds:schemaRefs/>
</ds:datastoreItem>
</file>

<file path=customXml/itemProps34.xml><?xml version="1.0" encoding="utf-8"?>
<ds:datastoreItem xmlns:ds="http://schemas.openxmlformats.org/officeDocument/2006/customXml" ds:itemID="{08D5EBFC-31CC-4D01-918E-4C8217C61132}">
  <ds:schemaRefs/>
</ds:datastoreItem>
</file>

<file path=customXml/itemProps35.xml><?xml version="1.0" encoding="utf-8"?>
<ds:datastoreItem xmlns:ds="http://schemas.openxmlformats.org/officeDocument/2006/customXml" ds:itemID="{AD2A0559-5BFA-4849-81C8-BCDB21B0EF7B}">
  <ds:schemaRefs/>
</ds:datastoreItem>
</file>

<file path=customXml/itemProps36.xml><?xml version="1.0" encoding="utf-8"?>
<ds:datastoreItem xmlns:ds="http://schemas.openxmlformats.org/officeDocument/2006/customXml" ds:itemID="{886C9DE6-E2A1-4E69-993B-2D9848663C75}">
  <ds:schemaRefs/>
</ds:datastoreItem>
</file>

<file path=customXml/itemProps37.xml><?xml version="1.0" encoding="utf-8"?>
<ds:datastoreItem xmlns:ds="http://schemas.openxmlformats.org/officeDocument/2006/customXml" ds:itemID="{B94F5BD7-7BB8-458D-ABE6-B25D2243E963}">
  <ds:schemaRefs/>
</ds:datastoreItem>
</file>

<file path=customXml/itemProps4.xml><?xml version="1.0" encoding="utf-8"?>
<ds:datastoreItem xmlns:ds="http://schemas.openxmlformats.org/officeDocument/2006/customXml" ds:itemID="{F5170D94-F710-4BEA-A9AB-D2C695ACBC81}">
  <ds:schemaRefs/>
</ds:datastoreItem>
</file>

<file path=customXml/itemProps5.xml><?xml version="1.0" encoding="utf-8"?>
<ds:datastoreItem xmlns:ds="http://schemas.openxmlformats.org/officeDocument/2006/customXml" ds:itemID="{9BFF92E5-8C3E-486A-8F2D-AC902A577164}">
  <ds:schemaRefs/>
</ds:datastoreItem>
</file>

<file path=customXml/itemProps6.xml><?xml version="1.0" encoding="utf-8"?>
<ds:datastoreItem xmlns:ds="http://schemas.openxmlformats.org/officeDocument/2006/customXml" ds:itemID="{8EBC54E7-09E2-4D43-8F34-1452DE9E2FD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3c8f6b3-6c85-4471-847b-a0aae48a3f1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ABDE5925-0A42-4641-BD25-439120A88C81}">
  <ds:schemaRefs/>
</ds:datastoreItem>
</file>

<file path=customXml/itemProps8.xml><?xml version="1.0" encoding="utf-8"?>
<ds:datastoreItem xmlns:ds="http://schemas.openxmlformats.org/officeDocument/2006/customXml" ds:itemID="{A4DEFC48-BB49-4731-861B-3B847B348712}">
  <ds:schemaRefs/>
</ds:datastoreItem>
</file>

<file path=customXml/itemProps9.xml><?xml version="1.0" encoding="utf-8"?>
<ds:datastoreItem xmlns:ds="http://schemas.openxmlformats.org/officeDocument/2006/customXml" ds:itemID="{C77D3474-31B7-4C21-BB74-175B8DCB94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872</TotalTime>
  <Words>558</Words>
  <Application>Microsoft Office PowerPoint</Application>
  <PresentationFormat>Widescreen</PresentationFormat>
  <Paragraphs>65</Paragraphs>
  <Slides>8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1" baseType="lpstr">
      <vt:lpstr>Arial</vt:lpstr>
      <vt:lpstr>Calibri</vt:lpstr>
      <vt:lpstr>Chr. Hansen</vt:lpstr>
      <vt:lpstr>С чистого листа</vt:lpstr>
      <vt:lpstr>Инициативная группа</vt:lpstr>
      <vt:lpstr>Миссия и задачи?</vt:lpstr>
      <vt:lpstr>Кого объединим?</vt:lpstr>
      <vt:lpstr>Направления активности?</vt:lpstr>
      <vt:lpstr>Форма, статус, условия участия?</vt:lpstr>
      <vt:lpstr>Ваши дальнейшие действия?</vt:lpstr>
      <vt:lpstr>Остаемся на связи с вами 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Natalya Tyutikova</dc:creator>
  <cp:keywords>Chr Hansen template</cp:keywords>
  <cp:lastModifiedBy>Natalya Tyutikova</cp:lastModifiedBy>
  <cp:revision>9</cp:revision>
  <cp:lastPrinted>2022-05-19T14:42:18Z</cp:lastPrinted>
  <dcterms:created xsi:type="dcterms:W3CDTF">2022-05-17T12:45:31Z</dcterms:created>
  <dcterms:modified xsi:type="dcterms:W3CDTF">2022-05-24T14:22:39Z</dcterms:modified>
  <cp:category>Template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637308B8037D7418398B2AE9C598DD8</vt:lpwstr>
  </property>
  <property fmtid="{D5CDD505-2E9C-101B-9397-08002B2CF9AE}" pid="3" name="TemplafyTimeStamp">
    <vt:lpwstr>2020-07-09T14:38:30.8948505Z</vt:lpwstr>
  </property>
  <property fmtid="{D5CDD505-2E9C-101B-9397-08002B2CF9AE}" pid="4" name="DocumentInfoFinished">
    <vt:lpwstr>True</vt:lpwstr>
  </property>
  <property fmtid="{D5CDD505-2E9C-101B-9397-08002B2CF9AE}" pid="5" name="TemplafyTenantId">
    <vt:lpwstr>chrhansen</vt:lpwstr>
  </property>
  <property fmtid="{D5CDD505-2E9C-101B-9397-08002B2CF9AE}" pid="6" name="TemplafyTemplateId">
    <vt:lpwstr>637448356165480293</vt:lpwstr>
  </property>
  <property fmtid="{D5CDD505-2E9C-101B-9397-08002B2CF9AE}" pid="7" name="TemplafyUserProfileId">
    <vt:lpwstr>636517923565825741</vt:lpwstr>
  </property>
  <property fmtid="{D5CDD505-2E9C-101B-9397-08002B2CF9AE}" pid="8" name="TemplafyLanguageCode">
    <vt:lpwstr>en-US</vt:lpwstr>
  </property>
</Properties>
</file>